
<file path=[Content_Types].xml><?xml version="1.0" encoding="utf-8"?>
<Types xmlns="http://schemas.openxmlformats.org/package/2006/content-types">
  <Override PartName="/ppt/slides/slide29.xml" ContentType="application/vnd.openxmlformats-officedocument.presentationml.slide+xml"/>
  <Override PartName="/ppt/notesSlides/notesSlide2.xml" ContentType="application/vnd.openxmlformats-officedocument.presentationml.notesSlide+xml"/>
  <Override PartName="/ppt/tags/tag8.xml" ContentType="application/vnd.openxmlformats-officedocument.presentationml.tags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s/slide36.xml" ContentType="application/vnd.openxmlformats-officedocument.presentationml.slide+xml"/>
  <Override PartName="/ppt/tags/tag4.xml" ContentType="application/vnd.openxmlformats-officedocument.presentationml.tags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slides/slide25.xml" ContentType="application/vnd.openxmlformats-officedocument.presentationml.slide+xml"/>
  <Override PartName="/ppt/slides/slide34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Default Extension="wmf" ContentType="image/x-wmf"/>
  <Override PartName="/ppt/tags/tag2.xml" ContentType="application/vnd.openxmlformats-officedocument.presentationml.tags+xml"/>
  <Default Extension="m4a" ContentType="audio/mp4"/>
  <Default Extension="rels" ContentType="application/vnd.openxmlformats-package.relationships+xml"/>
  <Default Extension="xml" ContentType="application/xml"/>
  <Override PartName="/ppt/slides/slide14.xml" ContentType="application/vnd.openxmlformats-officedocument.presentationml.slide+xml"/>
  <Override PartName="/ppt/slides/slide23.xml" ContentType="application/vnd.openxmlformats-officedocument.presentationml.slide+xml"/>
  <Override PartName="/ppt/slides/slide32.xml" ContentType="application/vnd.openxmlformats-officedocument.presentationml.slide+xml"/>
  <Override PartName="/ppt/notesMasters/notesMaster1.xml" ContentType="application/vnd.openxmlformats-officedocument.presentationml.notesMaster+xml"/>
  <Default Extension="fntdata" ContentType="application/x-fontdata"/>
  <Override PartName="/ppt/notesSlides/notesSlide16.xml" ContentType="application/vnd.openxmlformats-officedocument.presentationml.notesSlide+xml"/>
  <Override PartName="/ppt/slides/slide10.xml" ContentType="application/vnd.openxmlformats-officedocument.presentationml.slide+xml"/>
  <Override PartName="/ppt/slides/slide12.xml" ContentType="application/vnd.openxmlformats-officedocument.presentationml.slide+xml"/>
  <Override PartName="/ppt/slides/slide21.xml" ContentType="application/vnd.openxmlformats-officedocument.presentationml.slide+xml"/>
  <Override PartName="/ppt/slides/slide30.xml" ContentType="application/vnd.openxmlformats-officedocument.presentationml.slide+xml"/>
  <Override PartName="/ppt/tableStyles.xml" ContentType="application/vnd.openxmlformats-officedocument.presentationml.tableStyles+xml"/>
  <Override PartName="/ppt/tags/tag16.xml" ContentType="application/vnd.openxmlformats-officedocument.presentationml.tags+xml"/>
  <Override PartName="/ppt/tags/tag18.xml" ContentType="application/vnd.openxmlformats-officedocument.presentationml.tags+xml"/>
  <Override PartName="/ppt/notesSlides/notesSlide14.xml" ContentType="application/vnd.openxmlformats-officedocument.presentationml.notesSlide+xml"/>
  <Override PartName="/ppt/tags/tag27.xml" ContentType="application/vnd.openxmlformats-officedocument.presentationml.tags+xml"/>
  <Override PartName="/ppt/tags/tag14.xml" ContentType="application/vnd.openxmlformats-officedocument.presentationml.tags+xml"/>
  <Override PartName="/ppt/tags/tag25.xml" ContentType="application/vnd.openxmlformats-officedocument.presentationml.tags+xml"/>
  <Override PartName="/ppt/notesSlides/notesSlide9.xml" ContentType="application/vnd.openxmlformats-officedocument.presentationml.notesSlide+xml"/>
  <Override PartName="/ppt/notesSlides/notesSlide12.xml" ContentType="application/vnd.openxmlformats-officedocument.presentationml.notesSlide+xml"/>
  <Override PartName="/ppt/tags/tag12.xml" ContentType="application/vnd.openxmlformats-officedocument.presentationml.tags+xml"/>
  <Override PartName="/ppt/tags/tag23.xml" ContentType="application/vnd.openxmlformats-officedocument.presentationml.tags+xml"/>
  <Override PartName="/ppt/notesSlides/notesSlide7.xml" ContentType="application/vnd.openxmlformats-officedocument.presentationml.notesSlide+xml"/>
  <Override PartName="/ppt/notesSlides/notesSlide10.xml" ContentType="application/vnd.openxmlformats-officedocument.presentationml.notesSlide+xml"/>
  <Override PartName="/ppt/slides/slide7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21.xml" ContentType="application/vnd.openxmlformats-officedocument.presentationml.tags+xml"/>
  <Override PartName="/ppt/notesSlides/notesSlide5.xml" ContentType="application/vnd.openxmlformats-officedocument.presentationml.notesSlide+xml"/>
  <Override PartName="/ppt/slides/slide5.xml" ContentType="application/vnd.openxmlformats-officedocument.presentationml.slide+xml"/>
  <Override PartName="/ppt/slides/slide19.xml" ContentType="application/vnd.openxmlformats-officedocument.presentationml.slide+xml"/>
  <Override PartName="/ppt/slides/slide28.xml" ContentType="application/vnd.openxmlformats-officedocument.presentationml.slide+xml"/>
  <Override PartName="/ppt/notesSlides/notesSlide1.xml" ContentType="application/vnd.openxmlformats-officedocument.presentationml.notesSlide+xml"/>
  <Default Extension="png" ContentType="image/png"/>
  <Override PartName="/ppt/notesSlides/notesSlide3.xml" ContentType="application/vnd.openxmlformats-officedocument.presentationml.notesSlide+xml"/>
  <Override PartName="/ppt/tags/tag7.xml" ContentType="application/vnd.openxmlformats-officedocument.presentationml.tags+xml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slides/slide26.xml" ContentType="application/vnd.openxmlformats-officedocument.presentationml.slide+xml"/>
  <Override PartName="/ppt/slides/slide37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tags/tag5.xml" ContentType="application/vnd.openxmlformats-officedocument.presentationml.tags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24.xml" ContentType="application/vnd.openxmlformats-officedocument.presentationml.slide+xml"/>
  <Override PartName="/ppt/slides/slide33.xml" ContentType="application/vnd.openxmlformats-officedocument.presentationml.slide+xml"/>
  <Override PartName="/ppt/slides/slide35.xml" ContentType="application/vnd.openxmlformats-officedocument.presentationml.slide+xml"/>
  <Override PartName="/ppt/slideLayouts/slideLayout3.xml" ContentType="application/vnd.openxmlformats-officedocument.presentationml.slideLayout+xml"/>
  <Default Extension="jpeg" ContentType="image/jpeg"/>
  <Override PartName="/ppt/tags/tag3.xml" ContentType="application/vnd.openxmlformats-officedocument.presentationml.tags+xml"/>
  <Override PartName="/ppt/notesSlides/notesSlide17.xml" ContentType="application/vnd.openxmlformats-officedocument.presentationml.notesSlide+xml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22.xml" ContentType="application/vnd.openxmlformats-officedocument.presentationml.slide+xml"/>
  <Override PartName="/ppt/slides/slide31.xml" ContentType="application/vnd.openxmlformats-officedocument.presentationml.slide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ppt/tags/tag19.xml" ContentType="application/vnd.openxmlformats-officedocument.presentationml.tags+xml"/>
  <Override PartName="/ppt/notesSlides/notesSlide15.xml" ContentType="application/vnd.openxmlformats-officedocument.presentationml.notesSlide+xml"/>
  <Override PartName="/docProps/app.xml" ContentType="application/vnd.openxmlformats-officedocument.extended-properties+xml"/>
  <Override PartName="/ppt/slides/slide11.xml" ContentType="application/vnd.openxmlformats-officedocument.presentationml.slide+xml"/>
  <Override PartName="/ppt/slides/slide20.xml" ContentType="application/vnd.openxmlformats-officedocument.presentationml.slide+xml"/>
  <Override PartName="/ppt/tags/tag17.xml" ContentType="application/vnd.openxmlformats-officedocument.presentationml.tags+xml"/>
  <Override PartName="/ppt/tags/tag26.xml" ContentType="application/vnd.openxmlformats-officedocument.presentationml.tags+xml"/>
  <Override PartName="/ppt/notesSlides/notesSlide13.xml" ContentType="application/vnd.openxmlformats-officedocument.presentationml.notesSlide+xml"/>
  <Default Extension="gif" ContentType="image/gif"/>
  <Override PartName="/ppt/tags/tag15.xml" ContentType="application/vnd.openxmlformats-officedocument.presentationml.tags+xml"/>
  <Override PartName="/ppt/tags/tag24.xml" ContentType="application/vnd.openxmlformats-officedocument.presentationml.tags+xml"/>
  <Override PartName="/ppt/notesSlides/notesSlide8.xml" ContentType="application/vnd.openxmlformats-officedocument.presentationml.notesSlide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tags/tag22.xml" ContentType="application/vnd.openxmlformats-officedocument.presentationml.tags+xml"/>
  <Override PartName="/ppt/notesSlides/notesSlide6.xml" ContentType="application/vnd.openxmlformats-officedocument.presentationml.notesSlide+xml"/>
  <Override PartName="/ppt/slides/slide8.xml" ContentType="application/vnd.openxmlformats-officedocument.presentationml.slide+xml"/>
  <Override PartName="/ppt/notesSlides/notesSlide4.xml" ContentType="application/vnd.openxmlformats-officedocument.presentationml.notesSlide+xml"/>
  <Override PartName="/ppt/tags/tag11.xml" ContentType="application/vnd.openxmlformats-officedocument.presentationml.tags+xml"/>
  <Override PartName="/ppt/tags/tag20.xml" ContentType="application/vnd.openxmlformats-officedocument.presentationml.tags+xml"/>
  <Override PartName="/docProps/core.xml" ContentType="application/vnd.openxmlformats-package.core-properties+xml"/>
  <Override PartName="/ppt/slides/slide6.xml" ContentType="application/vnd.openxmlformats-officedocument.presentationml.slide+xml"/>
  <Override PartName="/ppt/slides/slide38.xml" ContentType="application/vnd.openxmlformats-officedocument.presentationml.slide+xml"/>
  <Override PartName="/ppt/tags/tag6.xml" ContentType="application/vnd.openxmlformats-officedocument.presentationml.tags+xml"/>
  <Override PartName="/ppt/slideMasters/slideMaster1.xml" ContentType="application/vnd.openxmlformats-officedocument.presentationml.slideMaster+xml"/>
  <Override PartName="/ppt/slides/slide27.xml" ContentType="application/vnd.openxmlformats-officedocument.presentationml.slide+xml"/>
  <Override PartName="/ppt/slideLayouts/slideLayout4.xml" ContentType="application/vnd.openxmlformats-officedocument.presentationml.slideLayout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</p:sldMasterIdLst>
  <p:notesMasterIdLst>
    <p:notesMasterId r:id="rId40"/>
  </p:notesMasterIdLst>
  <p:sldIdLst>
    <p:sldId id="286" r:id="rId2"/>
    <p:sldId id="284" r:id="rId3"/>
    <p:sldId id="287" r:id="rId4"/>
    <p:sldId id="288" r:id="rId5"/>
    <p:sldId id="289" r:id="rId6"/>
    <p:sldId id="290" r:id="rId7"/>
    <p:sldId id="294" r:id="rId8"/>
    <p:sldId id="291" r:id="rId9"/>
    <p:sldId id="300" r:id="rId10"/>
    <p:sldId id="295" r:id="rId11"/>
    <p:sldId id="301" r:id="rId12"/>
    <p:sldId id="302" r:id="rId13"/>
    <p:sldId id="303" r:id="rId14"/>
    <p:sldId id="304" r:id="rId15"/>
    <p:sldId id="309" r:id="rId16"/>
    <p:sldId id="308" r:id="rId17"/>
    <p:sldId id="310" r:id="rId18"/>
    <p:sldId id="311" r:id="rId19"/>
    <p:sldId id="312" r:id="rId20"/>
    <p:sldId id="313" r:id="rId21"/>
    <p:sldId id="299" r:id="rId22"/>
    <p:sldId id="292" r:id="rId23"/>
    <p:sldId id="293" r:id="rId24"/>
    <p:sldId id="261" r:id="rId25"/>
    <p:sldId id="260" r:id="rId26"/>
    <p:sldId id="278" r:id="rId27"/>
    <p:sldId id="269" r:id="rId28"/>
    <p:sldId id="270" r:id="rId29"/>
    <p:sldId id="271" r:id="rId30"/>
    <p:sldId id="281" r:id="rId31"/>
    <p:sldId id="282" r:id="rId32"/>
    <p:sldId id="272" r:id="rId33"/>
    <p:sldId id="273" r:id="rId34"/>
    <p:sldId id="279" r:id="rId35"/>
    <p:sldId id="283" r:id="rId36"/>
    <p:sldId id="257" r:id="rId37"/>
    <p:sldId id="277" r:id="rId38"/>
    <p:sldId id="262" r:id="rId39"/>
  </p:sldIdLst>
  <p:sldSz cx="10974388" cy="6859588"/>
  <p:notesSz cx="6858000" cy="9144000"/>
  <p:embeddedFontLst>
    <p:embeddedFont>
      <p:font typeface="Segoe UI" pitchFamily="34" charset="0"/>
      <p:regular r:id="rId41"/>
      <p:bold r:id="rId42"/>
      <p:italic r:id="rId43"/>
      <p:boldItalic r:id="rId44"/>
    </p:embeddedFont>
    <p:embeddedFont>
      <p:font typeface=".VnHelvetInsH" pitchFamily="34" charset="0"/>
      <p:regular r:id="rId45"/>
    </p:embeddedFont>
    <p:embeddedFont>
      <p:font typeface="Segoe UI Semibold" pitchFamily="34" charset="0"/>
      <p:bold r:id="rId46"/>
      <p:boldItalic r:id="rId47"/>
    </p:embeddedFont>
    <p:embeddedFont>
      <p:font typeface="Tahoma" pitchFamily="34" charset="0"/>
      <p:regular r:id="rId48"/>
      <p:bold r:id="rId49"/>
    </p:embeddedFont>
    <p:embeddedFont>
      <p:font typeface="Georgia" pitchFamily="18" charset="0"/>
      <p:regular r:id="rId50"/>
      <p:bold r:id="rId51"/>
      <p:italic r:id="rId52"/>
      <p:boldItalic r:id="rId53"/>
    </p:embeddedFont>
    <p:embeddedFont>
      <p:font typeface="Arial Black" pitchFamily="34" charset="0"/>
      <p:bold r:id="rId54"/>
    </p:embeddedFont>
    <p:embeddedFont>
      <p:font typeface="Calibri" pitchFamily="34" charset="0"/>
      <p:regular r:id="rId55"/>
      <p:bold r:id="rId56"/>
      <p:italic r:id="rId57"/>
      <p:boldItalic r:id="rId58"/>
    </p:embeddedFont>
  </p:embeddedFontLst>
  <p:custDataLst>
    <p:tags r:id="rId59"/>
  </p:custDataLst>
  <p:defaultTextStyle>
    <a:defPPr>
      <a:defRPr lang="en-US"/>
    </a:defPPr>
    <a:lvl1pPr marL="0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169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339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508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678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5847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017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185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355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="" xmlns:p15="http://schemas.microsoft.com/office/powerpoint/2012/main">
        <p15:guide id="1" orient="horz" pos="2161" userDrawn="1">
          <p15:clr>
            <a:srgbClr val="A4A3A4"/>
          </p15:clr>
        </p15:guide>
        <p15:guide id="2" pos="3457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webPr encoding="windows-1252"/>
  <p:showPr showNarration="1">
    <p:present/>
    <p:sldAll/>
    <p:penClr>
      <a:prstClr val="red"/>
    </p:penClr>
    <p:extLst>
      <p:ext uri="{EC167BDD-8182-4AB7-AECC-EB403E3ABB37}">
        <p14:laserClr xmlns="" xmlns:p14="http://schemas.microsoft.com/office/powerpoint/2010/main">
          <a:srgbClr val="FF0000"/>
        </p14:laserClr>
      </p:ext>
      <p:ext uri="{2FDB2607-1784-4EEB-B798-7EB5836EED8A}">
        <p14:showMediaCtrls xmlns="" xmlns:p14="http://schemas.microsoft.com/office/powerpoint/2010/main" val="1"/>
      </p:ext>
    </p:extLst>
  </p:showPr>
  <p:clrMru>
    <a:srgbClr val="F9EEED"/>
    <a:srgbClr val="B3294C"/>
    <a:srgbClr val="FBD8CD"/>
    <a:srgbClr val="CD437B"/>
    <a:srgbClr val="FCE4DC"/>
    <a:srgbClr val="FFFFFF"/>
    <a:srgbClr val="912752"/>
  </p:clrMru>
  <p:extLst>
    <p:ext uri="{E76CE94A-603C-4142-B9EB-6D1370010A27}">
      <p14:discardImageEditData xmlns="" xmlns:p14="http://schemas.microsoft.com/office/powerpoint/2010/main" val="0"/>
    </p:ext>
    <p:ext uri="{D31A062A-798A-4329-ABDD-BBA856620510}">
      <p14:defaultImageDpi xmlns="" xmlns:p14="http://schemas.microsoft.com/office/powerpoint/2010/main" val="220"/>
    </p:ext>
    <p:ext uri="{FD5EFAAD-0ECE-453E-9831-46B23BE46B34}">
      <p15:chartTrackingRefBased xmlns=""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showOutlineIcons="0">
    <p:restoredLeft sz="15351" autoAdjust="0"/>
    <p:restoredTop sz="94660"/>
  </p:normalViewPr>
  <p:slideViewPr>
    <p:cSldViewPr>
      <p:cViewPr varScale="1">
        <p:scale>
          <a:sx n="68" d="100"/>
          <a:sy n="68" d="100"/>
        </p:scale>
        <p:origin x="-504" y="-96"/>
      </p:cViewPr>
      <p:guideLst>
        <p:guide orient="horz" pos="2161"/>
        <p:guide pos="345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8028800" cy="780288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font" Target="fonts/font2.fntdata"/><Relationship Id="rId47" Type="http://schemas.openxmlformats.org/officeDocument/2006/relationships/font" Target="fonts/font7.fntdata"/><Relationship Id="rId50" Type="http://schemas.openxmlformats.org/officeDocument/2006/relationships/font" Target="fonts/font10.fntdata"/><Relationship Id="rId55" Type="http://schemas.openxmlformats.org/officeDocument/2006/relationships/font" Target="fonts/font15.fntdata"/><Relationship Id="rId63" Type="http://schemas.openxmlformats.org/officeDocument/2006/relationships/tableStyles" Target="tableStyle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font" Target="fonts/font1.fntdata"/><Relationship Id="rId54" Type="http://schemas.openxmlformats.org/officeDocument/2006/relationships/font" Target="fonts/font14.fntdata"/><Relationship Id="rId62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notesMaster" Target="notesMasters/notesMaster1.xml"/><Relationship Id="rId45" Type="http://schemas.openxmlformats.org/officeDocument/2006/relationships/font" Target="fonts/font5.fntdata"/><Relationship Id="rId53" Type="http://schemas.openxmlformats.org/officeDocument/2006/relationships/font" Target="fonts/font13.fntdata"/><Relationship Id="rId58" Type="http://schemas.openxmlformats.org/officeDocument/2006/relationships/font" Target="fonts/font18.fntdata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font" Target="fonts/font9.fntdata"/><Relationship Id="rId57" Type="http://schemas.openxmlformats.org/officeDocument/2006/relationships/font" Target="fonts/font17.fntdata"/><Relationship Id="rId61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font" Target="fonts/font4.fntdata"/><Relationship Id="rId52" Type="http://schemas.openxmlformats.org/officeDocument/2006/relationships/font" Target="fonts/font12.fntdata"/><Relationship Id="rId6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font" Target="fonts/font3.fntdata"/><Relationship Id="rId48" Type="http://schemas.openxmlformats.org/officeDocument/2006/relationships/font" Target="fonts/font8.fntdata"/><Relationship Id="rId56" Type="http://schemas.openxmlformats.org/officeDocument/2006/relationships/font" Target="fonts/font16.fntdata"/><Relationship Id="rId8" Type="http://schemas.openxmlformats.org/officeDocument/2006/relationships/slide" Target="slides/slide7.xml"/><Relationship Id="rId51" Type="http://schemas.openxmlformats.org/officeDocument/2006/relationships/font" Target="fonts/font11.fntdata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font" Target="fonts/font6.fntdata"/><Relationship Id="rId5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38F5B45D-3770-4AAB-A7AD-634AEC1BEA42}" type="datetimeFigureOut">
              <a:rPr lang="en-US" smtClean="0"/>
              <a:pPr/>
              <a:t>25/11/2020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7388" y="685800"/>
            <a:ext cx="5483225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A3558EA-7D43-4CFD-8A83-107709249CEE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133332067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169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339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508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678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5847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017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185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355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fld id="{2FE81326-5B44-4504-8A93-66DDE68F6DB6}" type="slidenum">
              <a:rPr lang="en-US"/>
              <a:pPr/>
              <a:t>1</a:t>
            </a:fld>
            <a:endParaRPr lang="en-US"/>
          </a:p>
        </p:txBody>
      </p:sp>
      <p:sp>
        <p:nvSpPr>
          <p:cNvPr id="31747" name="Rectangle 7"/>
          <p:cNvSpPr txBox="1">
            <a:spLocks noGrp="1" noChangeArrowheads="1"/>
          </p:cNvSpPr>
          <p:nvPr/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b"/>
          <a:lstStyle>
            <a:lvl1pPr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algn="r" eaLnBrk="1" hangingPunct="1"/>
            <a:fld id="{DA55B578-C7A8-4FDD-BAE5-A66364C61E82}" type="slidenum">
              <a:rPr lang="en-US" sz="1200"/>
              <a:pPr algn="r" eaLnBrk="1" hangingPunct="1"/>
              <a:t>1</a:t>
            </a:fld>
            <a:endParaRPr lang="en-US" sz="1200"/>
          </a:p>
        </p:txBody>
      </p:sp>
      <p:sp>
        <p:nvSpPr>
          <p:cNvPr id="3174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1749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eaLnBrk="1" hangingPunct="1"/>
            <a:endParaRPr lang="vi-VN" smtClean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="" xmlns:p14="http://schemas.microsoft.com/office/powerpoint/2010/main" val="276961405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ru-RU" dirty="0" err="1" smtClean="0"/>
              <a:t>Риббон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31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13588188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32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63133960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33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12397512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34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410234134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35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4076756165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36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2461188429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37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111086795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38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310302470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16</a:t>
            </a:fld>
            <a:endParaRPr lang="en-US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24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244364714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25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3501029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26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50285335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27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110098459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28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177882285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29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118853158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ru-RU" dirty="0" err="1" smtClean="0"/>
              <a:t>Риббон</a:t>
            </a:r>
            <a:r>
              <a:rPr lang="ru-RU" dirty="0" smtClean="0"/>
              <a:t>, другой </a:t>
            </a:r>
            <a:r>
              <a:rPr lang="ru-RU" dirty="0" err="1" smtClean="0"/>
              <a:t>скриншот</a:t>
            </a:r>
            <a:r>
              <a:rPr lang="ru-RU" dirty="0" smtClean="0"/>
              <a:t>? анимации к </a:t>
            </a:r>
            <a:r>
              <a:rPr lang="ru-RU" dirty="0" err="1" smtClean="0"/>
              <a:t>буллетам</a:t>
            </a:r>
            <a:r>
              <a:rPr lang="ru-RU" dirty="0" smtClean="0"/>
              <a:t> настрою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30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350187620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lid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itle 1"/>
          <p:cNvSpPr>
            <a:spLocks noGrp="1"/>
          </p:cNvSpPr>
          <p:nvPr>
            <p:ph type="title"/>
          </p:nvPr>
        </p:nvSpPr>
        <p:spPr>
          <a:xfrm>
            <a:off x="1198138" y="476673"/>
            <a:ext cx="7406311" cy="715516"/>
          </a:xfrm>
        </p:spPr>
        <p:txBody>
          <a:bodyPr>
            <a:normAutofit/>
          </a:bodyPr>
          <a:lstStyle>
            <a:lvl1pPr algn="l">
              <a:defRPr sz="3000"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cxnSp>
        <p:nvCxnSpPr>
          <p:cNvPr id="13" name="Straight Connector 12"/>
          <p:cNvCxnSpPr/>
          <p:nvPr userDrawn="1"/>
        </p:nvCxnSpPr>
        <p:spPr>
          <a:xfrm>
            <a:off x="670992" y="1196752"/>
            <a:ext cx="9640739" cy="0"/>
          </a:xfrm>
          <a:prstGeom prst="line">
            <a:avLst/>
          </a:prstGeom>
          <a:ln w="12700" cap="rnd">
            <a:solidFill>
              <a:srgbClr val="9E2F5C">
                <a:alpha val="61961"/>
              </a:srgbClr>
            </a:solidFill>
            <a:prstDash val="soli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4" name="Oval 13"/>
          <p:cNvSpPr/>
          <p:nvPr userDrawn="1"/>
        </p:nvSpPr>
        <p:spPr>
          <a:xfrm>
            <a:off x="678385" y="620688"/>
            <a:ext cx="432048" cy="432048"/>
          </a:xfrm>
          <a:prstGeom prst="ellipse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b="1" dirty="0" smtClean="0">
              <a:latin typeface="Segoe UI" panose="020B0502040204020203" pitchFamily="34" charset="0"/>
              <a:ea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5" name="Text Placeholder 13"/>
          <p:cNvSpPr>
            <a:spLocks noGrp="1"/>
          </p:cNvSpPr>
          <p:nvPr>
            <p:ph type="body" sz="quarter" idx="10" hasCustomPrompt="1"/>
          </p:nvPr>
        </p:nvSpPr>
        <p:spPr>
          <a:xfrm>
            <a:off x="671106" y="630337"/>
            <a:ext cx="446609" cy="431800"/>
          </a:xfrm>
        </p:spPr>
        <p:txBody>
          <a:bodyPr>
            <a:normAutofit/>
          </a:bodyPr>
          <a:lstStyle>
            <a:lvl1pPr marL="0" indent="0" algn="ctr">
              <a:buNone/>
              <a:defRPr sz="2000" b="1">
                <a:solidFill>
                  <a:schemeClr val="bg1"/>
                </a:solidFill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defRPr>
            </a:lvl1pPr>
          </a:lstStyle>
          <a:p>
            <a:pPr lvl="0"/>
            <a:r>
              <a:rPr lang="en-US" dirty="0" smtClean="0"/>
              <a:t>N</a:t>
            </a:r>
            <a:endParaRPr lang="ru-RU" dirty="0"/>
          </a:p>
        </p:txBody>
      </p:sp>
    </p:spTree>
    <p:extLst>
      <p:ext uri="{BB962C8B-B14F-4D97-AF65-F5344CB8AC3E}">
        <p14:creationId xmlns="" xmlns:p14="http://schemas.microsoft.com/office/powerpoint/2010/main" val="397613194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3" name="Straight Connector 12"/>
          <p:cNvCxnSpPr/>
          <p:nvPr userDrawn="1"/>
        </p:nvCxnSpPr>
        <p:spPr>
          <a:xfrm>
            <a:off x="670992" y="1196752"/>
            <a:ext cx="9640739" cy="0"/>
          </a:xfrm>
          <a:prstGeom prst="line">
            <a:avLst/>
          </a:prstGeom>
          <a:ln w="12700" cap="rnd">
            <a:solidFill>
              <a:srgbClr val="9E2F5C">
                <a:alpha val="61961"/>
              </a:srgbClr>
            </a:solidFill>
            <a:prstDash val="soli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="" xmlns:p14="http://schemas.microsoft.com/office/powerpoint/2010/main" val="172279006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="" xmlns:p14="http://schemas.microsoft.com/office/powerpoint/2010/main" val="229316168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151063" y="4802189"/>
            <a:ext cx="6584950" cy="566737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2151063" y="612775"/>
            <a:ext cx="6584950" cy="4116388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151063" y="5368925"/>
            <a:ext cx="6584950" cy="804864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="" xmlns:p14="http://schemas.microsoft.com/office/powerpoint/2010/main" val="254808442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823079" y="2130919"/>
            <a:ext cx="9328230" cy="147036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646158" y="3887100"/>
            <a:ext cx="7682072" cy="1753006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509504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101900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52851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203801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547518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3057022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56652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4076029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48719" y="6357822"/>
            <a:ext cx="2560691" cy="365210"/>
          </a:xfrm>
          <a:prstGeom prst="rect">
            <a:avLst/>
          </a:prstGeom>
        </p:spPr>
        <p:txBody>
          <a:bodyPr lIns="101901" tIns="50950" rIns="101901" bIns="50950"/>
          <a:lstStyle/>
          <a:p>
            <a:fld id="{20B463F0-F997-4F6B-95AD-ECE29AA9F8F6}" type="datetimeFigureOut">
              <a:rPr lang="en-US" smtClean="0"/>
              <a:pPr/>
              <a:t>25/11/2020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749583" y="6357822"/>
            <a:ext cx="3475223" cy="365210"/>
          </a:xfrm>
          <a:prstGeom prst="rect">
            <a:avLst/>
          </a:prstGeom>
        </p:spPr>
        <p:txBody>
          <a:bodyPr lIns="101901" tIns="50950" rIns="101901" bIns="50950"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864978" y="6357822"/>
            <a:ext cx="2560691" cy="365210"/>
          </a:xfrm>
          <a:prstGeom prst="rect">
            <a:avLst/>
          </a:prstGeom>
        </p:spPr>
        <p:txBody>
          <a:bodyPr lIns="101901" tIns="50950" rIns="101901" bIns="50950"/>
          <a:lstStyle/>
          <a:p>
            <a:fld id="{0892A2C2-3E9E-464A-9BE5-1702584BCA7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48723" y="274706"/>
            <a:ext cx="9876950" cy="1143265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48723" y="1600574"/>
            <a:ext cx="9876950" cy="452700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231777149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4" r:id="rId1"/>
    <p:sldLayoutId id="2147483656" r:id="rId2"/>
    <p:sldLayoutId id="2147483655" r:id="rId3"/>
    <p:sldLayoutId id="2147483657" r:id="rId4"/>
    <p:sldLayoutId id="2147483658" r:id="rId5"/>
  </p:sldLayoutIdLs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gif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3.xml"/><Relationship Id="rId5" Type="http://schemas.openxmlformats.org/officeDocument/2006/relationships/image" Target="../media/image3.gif"/><Relationship Id="rId4" Type="http://schemas.openxmlformats.org/officeDocument/2006/relationships/image" Target="../media/image2.wmf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slideLayout" Target="../slideLayouts/slideLayout3.xml"/><Relationship Id="rId1" Type="http://schemas.openxmlformats.org/officeDocument/2006/relationships/audio" Target="file:///D:\giao%20an%20vu%20sua%20thanh%20mach%20yen%20eleaning\cau%20hoi%203.mp4.m4a" TargetMode="Externa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4.png"/><Relationship Id="rId3" Type="http://schemas.openxmlformats.org/officeDocument/2006/relationships/image" Target="../media/image20.png"/><Relationship Id="rId7" Type="http://schemas.openxmlformats.org/officeDocument/2006/relationships/image" Target="../media/image23.jpeg"/><Relationship Id="rId2" Type="http://schemas.openxmlformats.org/officeDocument/2006/relationships/slideLayout" Target="../slideLayouts/slideLayout5.xml"/><Relationship Id="rId1" Type="http://schemas.openxmlformats.org/officeDocument/2006/relationships/audio" Target="file:///D:\giao%20an%20vu%20sua%20thanh%20mach%20yen%20eleaning\Voice%20003.m4a" TargetMode="External"/><Relationship Id="rId6" Type="http://schemas.openxmlformats.org/officeDocument/2006/relationships/image" Target="../media/image6.jpeg"/><Relationship Id="rId5" Type="http://schemas.openxmlformats.org/officeDocument/2006/relationships/image" Target="../media/image22.jpeg"/><Relationship Id="rId4" Type="http://schemas.openxmlformats.org/officeDocument/2006/relationships/image" Target="../media/image21.jpe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slideLayout" Target="../slideLayouts/slideLayout5.xml"/><Relationship Id="rId1" Type="http://schemas.openxmlformats.org/officeDocument/2006/relationships/audio" Target="file:///D:\giao%20an%20vu%20sua%20thanh%20mach%20yen%20eleaning\cau%20hoi%204.mp4.m4a" TargetMode="Externa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slideLayout" Target="../slideLayouts/slideLayout5.xml"/><Relationship Id="rId1" Type="http://schemas.openxmlformats.org/officeDocument/2006/relationships/audio" Target="file:///D:\giao%20an%20vu%20sua%20thanh%20mach%20yen%20eleaning\Voice%20004.m4a" TargetMode="Externa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slideLayout" Target="../slideLayouts/slideLayout5.xml"/><Relationship Id="rId1" Type="http://schemas.openxmlformats.org/officeDocument/2006/relationships/audio" Target="file:///D:\giao%20an%20vu%20sua%20thanh%20mach%20yen%20eleaning\cau%20hoi%205.mp4.m4a" TargetMode="Externa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gif"/><Relationship Id="rId2" Type="http://schemas.openxmlformats.org/officeDocument/2006/relationships/image" Target="../media/image2.wmf"/><Relationship Id="rId1" Type="http://schemas.openxmlformats.org/officeDocument/2006/relationships/slideLayout" Target="../slideLayouts/slideLayout3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2.xml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slideLayout" Target="../slideLayouts/slideLayout3.xml"/><Relationship Id="rId1" Type="http://schemas.openxmlformats.org/officeDocument/2006/relationships/video" Target="file:///D:\giao%20an%20vu%20sua%20thanh%20mach%20yen%20eleaning\S&#7921;%20T&#237;ch%20C&#226;y%20V&#250;%20S&#7919;a.mp4" TargetMode="Externa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wmf"/><Relationship Id="rId2" Type="http://schemas.openxmlformats.org/officeDocument/2006/relationships/image" Target="../media/image1.gif"/><Relationship Id="rId1" Type="http://schemas.openxmlformats.org/officeDocument/2006/relationships/slideLayout" Target="../slideLayouts/slideLayout5.xml"/><Relationship Id="rId4" Type="http://schemas.openxmlformats.org/officeDocument/2006/relationships/image" Target="../media/image3.gif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3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33.png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tags" Target="../tags/tag10.xml"/><Relationship Id="rId13" Type="http://schemas.openxmlformats.org/officeDocument/2006/relationships/tags" Target="../tags/tag15.xml"/><Relationship Id="rId18" Type="http://schemas.openxmlformats.org/officeDocument/2006/relationships/tags" Target="../tags/tag20.xml"/><Relationship Id="rId26" Type="http://schemas.openxmlformats.org/officeDocument/2006/relationships/image" Target="../media/image35.png"/><Relationship Id="rId3" Type="http://schemas.openxmlformats.org/officeDocument/2006/relationships/tags" Target="../tags/tag5.xml"/><Relationship Id="rId21" Type="http://schemas.openxmlformats.org/officeDocument/2006/relationships/tags" Target="../tags/tag23.xml"/><Relationship Id="rId7" Type="http://schemas.openxmlformats.org/officeDocument/2006/relationships/tags" Target="../tags/tag9.xml"/><Relationship Id="rId12" Type="http://schemas.openxmlformats.org/officeDocument/2006/relationships/tags" Target="../tags/tag14.xml"/><Relationship Id="rId17" Type="http://schemas.openxmlformats.org/officeDocument/2006/relationships/tags" Target="../tags/tag19.xml"/><Relationship Id="rId25" Type="http://schemas.openxmlformats.org/officeDocument/2006/relationships/image" Target="../media/image34.jpeg"/><Relationship Id="rId2" Type="http://schemas.openxmlformats.org/officeDocument/2006/relationships/tags" Target="../tags/tag4.xml"/><Relationship Id="rId16" Type="http://schemas.openxmlformats.org/officeDocument/2006/relationships/tags" Target="../tags/tag18.xml"/><Relationship Id="rId20" Type="http://schemas.openxmlformats.org/officeDocument/2006/relationships/tags" Target="../tags/tag22.xml"/><Relationship Id="rId29" Type="http://schemas.openxmlformats.org/officeDocument/2006/relationships/image" Target="../media/image38.png"/><Relationship Id="rId1" Type="http://schemas.openxmlformats.org/officeDocument/2006/relationships/tags" Target="../tags/tag3.xml"/><Relationship Id="rId6" Type="http://schemas.openxmlformats.org/officeDocument/2006/relationships/tags" Target="../tags/tag8.xml"/><Relationship Id="rId11" Type="http://schemas.openxmlformats.org/officeDocument/2006/relationships/tags" Target="../tags/tag13.xml"/><Relationship Id="rId24" Type="http://schemas.openxmlformats.org/officeDocument/2006/relationships/notesSlide" Target="../notesSlides/notesSlide5.xml"/><Relationship Id="rId5" Type="http://schemas.openxmlformats.org/officeDocument/2006/relationships/tags" Target="../tags/tag7.xml"/><Relationship Id="rId15" Type="http://schemas.openxmlformats.org/officeDocument/2006/relationships/tags" Target="../tags/tag17.xml"/><Relationship Id="rId23" Type="http://schemas.openxmlformats.org/officeDocument/2006/relationships/slideLayout" Target="../slideLayouts/slideLayout1.xml"/><Relationship Id="rId28" Type="http://schemas.openxmlformats.org/officeDocument/2006/relationships/image" Target="../media/image37.png"/><Relationship Id="rId10" Type="http://schemas.openxmlformats.org/officeDocument/2006/relationships/tags" Target="../tags/tag12.xml"/><Relationship Id="rId19" Type="http://schemas.openxmlformats.org/officeDocument/2006/relationships/tags" Target="../tags/tag21.xml"/><Relationship Id="rId4" Type="http://schemas.openxmlformats.org/officeDocument/2006/relationships/tags" Target="../tags/tag6.xml"/><Relationship Id="rId9" Type="http://schemas.openxmlformats.org/officeDocument/2006/relationships/tags" Target="../tags/tag11.xml"/><Relationship Id="rId14" Type="http://schemas.openxmlformats.org/officeDocument/2006/relationships/tags" Target="../tags/tag16.xml"/><Relationship Id="rId22" Type="http://schemas.openxmlformats.org/officeDocument/2006/relationships/tags" Target="../tags/tag24.xml"/><Relationship Id="rId27" Type="http://schemas.openxmlformats.org/officeDocument/2006/relationships/image" Target="../media/image36.jpeg"/><Relationship Id="rId30" Type="http://schemas.openxmlformats.org/officeDocument/2006/relationships/image" Target="../media/image39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0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42.png"/><Relationship Id="rId4" Type="http://schemas.openxmlformats.org/officeDocument/2006/relationships/image" Target="../media/image41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5.xml"/><Relationship Id="rId5" Type="http://schemas.openxmlformats.org/officeDocument/2006/relationships/image" Target="../media/image44.png"/><Relationship Id="rId4" Type="http://schemas.openxmlformats.org/officeDocument/2006/relationships/image" Target="../media/image43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6.xml"/><Relationship Id="rId5" Type="http://schemas.openxmlformats.org/officeDocument/2006/relationships/image" Target="../media/image46.png"/><Relationship Id="rId4" Type="http://schemas.openxmlformats.org/officeDocument/2006/relationships/image" Target="../media/image45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wmf"/><Relationship Id="rId2" Type="http://schemas.openxmlformats.org/officeDocument/2006/relationships/image" Target="../media/image1.gif"/><Relationship Id="rId1" Type="http://schemas.openxmlformats.org/officeDocument/2006/relationships/slideLayout" Target="../slideLayouts/slideLayout3.xml"/><Relationship Id="rId4" Type="http://schemas.openxmlformats.org/officeDocument/2006/relationships/image" Target="../media/image3.gif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7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48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50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1.png"/><Relationship Id="rId7" Type="http://schemas.openxmlformats.org/officeDocument/2006/relationships/image" Target="../media/image55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54.png"/><Relationship Id="rId5" Type="http://schemas.openxmlformats.org/officeDocument/2006/relationships/image" Target="../media/image53.png"/><Relationship Id="rId4" Type="http://schemas.openxmlformats.org/officeDocument/2006/relationships/image" Target="../media/image52.png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6.png"/><Relationship Id="rId7" Type="http://schemas.openxmlformats.org/officeDocument/2006/relationships/image" Target="../media/image60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59.png"/><Relationship Id="rId5" Type="http://schemas.openxmlformats.org/officeDocument/2006/relationships/image" Target="../media/image58.png"/><Relationship Id="rId4" Type="http://schemas.openxmlformats.org/officeDocument/2006/relationships/image" Target="../media/image57.pn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hyperlink" Target="http://www.ispringsolutions.com/ispring-learn" TargetMode="External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62.png"/><Relationship Id="rId5" Type="http://schemas.openxmlformats.org/officeDocument/2006/relationships/image" Target="../media/image61.png"/><Relationship Id="rId4" Type="http://schemas.openxmlformats.org/officeDocument/2006/relationships/hyperlink" Target="http://www.ispringsolutions.com/ispring-cloud" TargetMode="Externa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3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64.jpeg"/><Relationship Id="rId4" Type="http://schemas.openxmlformats.org/officeDocument/2006/relationships/image" Target="../media/image33.png"/></Relationships>
</file>

<file path=ppt/slides/_rels/slide36.xml.rels><?xml version="1.0" encoding="UTF-8" standalone="yes"?>
<Relationships xmlns="http://schemas.openxmlformats.org/package/2006/relationships"><Relationship Id="rId8" Type="http://schemas.openxmlformats.org/officeDocument/2006/relationships/image" Target="../media/image70.png"/><Relationship Id="rId3" Type="http://schemas.openxmlformats.org/officeDocument/2006/relationships/image" Target="../media/image65.png"/><Relationship Id="rId7" Type="http://schemas.openxmlformats.org/officeDocument/2006/relationships/image" Target="../media/image69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68.png"/><Relationship Id="rId5" Type="http://schemas.openxmlformats.org/officeDocument/2006/relationships/image" Target="../media/image67.png"/><Relationship Id="rId4" Type="http://schemas.openxmlformats.org/officeDocument/2006/relationships/image" Target="../media/image66.png"/><Relationship Id="rId9" Type="http://schemas.openxmlformats.org/officeDocument/2006/relationships/image" Target="../media/image71.png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2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74.png"/><Relationship Id="rId4" Type="http://schemas.openxmlformats.org/officeDocument/2006/relationships/image" Target="../media/image73.png"/></Relationships>
</file>

<file path=ppt/slides/_rels/slide38.xml.rels><?xml version="1.0" encoding="UTF-8" standalone="yes"?>
<Relationships xmlns="http://schemas.openxmlformats.org/package/2006/relationships"><Relationship Id="rId8" Type="http://schemas.openxmlformats.org/officeDocument/2006/relationships/hyperlink" Target="http://www.ispringsolutions.com/go/tutorials/suite?ref=presentation" TargetMode="External"/><Relationship Id="rId3" Type="http://schemas.openxmlformats.org/officeDocument/2006/relationships/notesSlide" Target="../notesSlides/notesSlide17.xml"/><Relationship Id="rId7" Type="http://schemas.openxmlformats.org/officeDocument/2006/relationships/image" Target="../media/image78.png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27.xml"/><Relationship Id="rId6" Type="http://schemas.openxmlformats.org/officeDocument/2006/relationships/image" Target="../media/image77.png"/><Relationship Id="rId11" Type="http://schemas.openxmlformats.org/officeDocument/2006/relationships/image" Target="../media/image79.png"/><Relationship Id="rId5" Type="http://schemas.openxmlformats.org/officeDocument/2006/relationships/image" Target="../media/image76.png"/><Relationship Id="rId10" Type="http://schemas.openxmlformats.org/officeDocument/2006/relationships/hyperlink" Target="http://www.ispringsolutions.com/go/docs/suite/8.0?ref=presentation" TargetMode="External"/><Relationship Id="rId4" Type="http://schemas.openxmlformats.org/officeDocument/2006/relationships/image" Target="../media/image75.png"/><Relationship Id="rId9" Type="http://schemas.openxmlformats.org/officeDocument/2006/relationships/hyperlink" Target="http://www.ispringsolutions.com/go/community?ref=presentation&amp;p=issuite" TargetMode="Externa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3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gif"/><Relationship Id="rId7" Type="http://schemas.openxmlformats.org/officeDocument/2006/relationships/image" Target="../media/image6.jpeg"/><Relationship Id="rId2" Type="http://schemas.openxmlformats.org/officeDocument/2006/relationships/slideLayout" Target="../slideLayouts/slideLayout3.xml"/><Relationship Id="rId1" Type="http://schemas.openxmlformats.org/officeDocument/2006/relationships/video" Target="file:///D:\giao%20an%20vu%20sua%20thanh%20mach%20yen%20eleaning\hoa%20ke%20truyen%20lan%201%2000_00_12-.mp4" TargetMode="External"/><Relationship Id="rId6" Type="http://schemas.openxmlformats.org/officeDocument/2006/relationships/image" Target="../media/image5.png"/><Relationship Id="rId5" Type="http://schemas.openxmlformats.org/officeDocument/2006/relationships/image" Target="../media/image3.gif"/><Relationship Id="rId4" Type="http://schemas.openxmlformats.org/officeDocument/2006/relationships/image" Target="../media/image2.wmf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slideLayout" Target="../slideLayouts/slideLayout3.xml"/><Relationship Id="rId1" Type="http://schemas.openxmlformats.org/officeDocument/2006/relationships/audio" Target="file:///D:\giao%20an%20vu%20sua%20thanh%20mach%20yen%20eleaning\cau%20hoi%201.mp4.m4a" TargetMode="Externa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3" Type="http://schemas.openxmlformats.org/officeDocument/2006/relationships/image" Target="../media/image8.png"/><Relationship Id="rId7" Type="http://schemas.microsoft.com/office/2007/relationships/media" Target="../media/media6.m4a"/><Relationship Id="rId2" Type="http://schemas.openxmlformats.org/officeDocument/2006/relationships/slideLayout" Target="../slideLayouts/slideLayout5.xml"/><Relationship Id="rId1" Type="http://schemas.openxmlformats.org/officeDocument/2006/relationships/video" Target="NULL" TargetMode="External"/><Relationship Id="rId6" Type="http://schemas.openxmlformats.org/officeDocument/2006/relationships/image" Target="../media/image11.jpeg"/><Relationship Id="rId5" Type="http://schemas.openxmlformats.org/officeDocument/2006/relationships/image" Target="../media/image10.jpeg"/><Relationship Id="rId4" Type="http://schemas.openxmlformats.org/officeDocument/2006/relationships/image" Target="../media/image9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slideLayout" Target="../slideLayouts/slideLayout3.xml"/><Relationship Id="rId1" Type="http://schemas.openxmlformats.org/officeDocument/2006/relationships/audio" Target="file:///D:\giao%20an%20vu%20sua%20thanh%20mach%20yen%20eleaning\cau%20hoi%202.mp4.m4a" TargetMode="Externa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jpeg"/><Relationship Id="rId7" Type="http://schemas.openxmlformats.org/officeDocument/2006/relationships/image" Target="../media/image18.png"/><Relationship Id="rId2" Type="http://schemas.openxmlformats.org/officeDocument/2006/relationships/slideLayout" Target="../slideLayouts/slideLayout5.xml"/><Relationship Id="rId1" Type="http://schemas.openxmlformats.org/officeDocument/2006/relationships/audio" Target="file:///D:\giao%20an%20vu%20sua%20thanh%20mach%20yen%20eleaning\Voice%20002.m4a" TargetMode="External"/><Relationship Id="rId6" Type="http://schemas.openxmlformats.org/officeDocument/2006/relationships/image" Target="../media/image17.jpeg"/><Relationship Id="rId5" Type="http://schemas.openxmlformats.org/officeDocument/2006/relationships/image" Target="../media/image16.png"/><Relationship Id="rId4" Type="http://schemas.openxmlformats.org/officeDocument/2006/relationships/image" Target="../media/image15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1" name="Picture 6" descr="5"/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305676" y="4583617"/>
            <a:ext cx="1809059" cy="273430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52" name="Picture 7" descr="5"/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0800000">
            <a:off x="9381623" y="-124626"/>
            <a:ext cx="1809059" cy="273430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2" name="Group 19"/>
          <p:cNvGrpSpPr>
            <a:grpSpLocks/>
          </p:cNvGrpSpPr>
          <p:nvPr/>
        </p:nvGrpSpPr>
        <p:grpSpPr bwMode="auto">
          <a:xfrm flipH="1" flipV="1">
            <a:off x="218631" y="0"/>
            <a:ext cx="1620437" cy="2134094"/>
            <a:chOff x="4368" y="2880"/>
            <a:chExt cx="1200" cy="1289"/>
          </a:xfrm>
        </p:grpSpPr>
        <p:sp>
          <p:nvSpPr>
            <p:cNvPr id="2084" name="Freeform 20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85" name="Freeform 21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86" name="Freeform 22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87" name="Freeform 23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88" name="Freeform 24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89" name="Freeform 25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90" name="Freeform 26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3" name="Group 27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2092" name="Picture 2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93" name="Picture 2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94" name="Picture 3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95" name="Picture 3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96" name="Picture 3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97" name="Picture 3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98" name="Picture 3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99" name="Picture 35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100" name="Picture 3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grpSp>
        <p:nvGrpSpPr>
          <p:cNvPr id="4" name="Group 37"/>
          <p:cNvGrpSpPr>
            <a:grpSpLocks/>
          </p:cNvGrpSpPr>
          <p:nvPr/>
        </p:nvGrpSpPr>
        <p:grpSpPr bwMode="auto">
          <a:xfrm rot="10800000" flipH="1" flipV="1">
            <a:off x="9079777" y="4640688"/>
            <a:ext cx="1620437" cy="2210312"/>
            <a:chOff x="4368" y="2880"/>
            <a:chExt cx="1200" cy="1289"/>
          </a:xfrm>
        </p:grpSpPr>
        <p:sp>
          <p:nvSpPr>
            <p:cNvPr id="2067" name="Freeform 38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68" name="Freeform 39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69" name="Freeform 40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70" name="Freeform 41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71" name="Freeform 42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72" name="Freeform 43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073" name="Freeform 44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5" name="Group 45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2075" name="Picture 4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76" name="Picture 47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77" name="Picture 4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78" name="Picture 4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79" name="Picture 5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80" name="Picture 5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81" name="Picture 5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82" name="Picture 5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83" name="Picture 5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pic>
        <p:nvPicPr>
          <p:cNvPr id="2060" name="Picture 8" descr="x53122380[1]"/>
          <p:cNvPicPr>
            <a:picLocks noChangeAspect="1" noChangeArrowheads="1" noCrop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1751024" y="5400323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61" name="Picture 8" descr="x53122380[1]"/>
          <p:cNvPicPr>
            <a:picLocks noChangeAspect="1" noChangeArrowheads="1" noCrop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3825393" y="5442436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62" name="Picture 8" descr="x53122380[1]"/>
          <p:cNvPicPr>
            <a:picLocks noChangeAspect="1" noChangeArrowheads="1" noCrop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5697780" y="5434873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064" name="Text Box 53"/>
          <p:cNvSpPr txBox="1">
            <a:spLocks noChangeArrowheads="1"/>
          </p:cNvSpPr>
          <p:nvPr/>
        </p:nvSpPr>
        <p:spPr bwMode="auto">
          <a:xfrm>
            <a:off x="4039394" y="5487194"/>
            <a:ext cx="3185379" cy="45730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sz="2400" b="1" dirty="0">
                <a:solidFill>
                  <a:schemeClr val="tx2"/>
                </a:solidFill>
              </a:rPr>
              <a:t>Năm </a:t>
            </a:r>
            <a:r>
              <a:rPr lang="en-US" sz="2400" b="1" dirty="0" err="1">
                <a:solidFill>
                  <a:schemeClr val="tx2"/>
                </a:solidFill>
              </a:rPr>
              <a:t>học</a:t>
            </a:r>
            <a:r>
              <a:rPr lang="en-US" sz="2400" b="1" dirty="0">
                <a:solidFill>
                  <a:schemeClr val="tx2"/>
                </a:solidFill>
              </a:rPr>
              <a:t> </a:t>
            </a:r>
            <a:r>
              <a:rPr lang="en-US" sz="2400" b="1" dirty="0" smtClean="0">
                <a:solidFill>
                  <a:schemeClr val="tx2"/>
                </a:solidFill>
              </a:rPr>
              <a:t>2020 - 2021</a:t>
            </a:r>
            <a:endParaRPr lang="en-US" sz="2400" b="1" dirty="0">
              <a:solidFill>
                <a:schemeClr val="tx2"/>
              </a:solidFill>
            </a:endParaRPr>
          </a:p>
        </p:txBody>
      </p:sp>
      <p:sp>
        <p:nvSpPr>
          <p:cNvPr id="53" name="Rectangle 52"/>
          <p:cNvSpPr/>
          <p:nvPr/>
        </p:nvSpPr>
        <p:spPr>
          <a:xfrm>
            <a:off x="2820194" y="2743994"/>
            <a:ext cx="6805069" cy="707886"/>
          </a:xfrm>
          <a:prstGeom prst="rect">
            <a:avLst/>
          </a:prstGeom>
          <a:noFill/>
        </p:spPr>
        <p:txBody>
          <a:bodyPr wrap="none">
            <a:spAutoFit/>
            <a:scene3d>
              <a:camera prst="orthographicFront"/>
              <a:lightRig rig="soft" dir="tl">
                <a:rot lat="0" lon="0" rev="0"/>
              </a:lightRig>
            </a:scene3d>
            <a:sp3d contourW="25400" prstMaterial="matte">
              <a:bevelT w="25400" h="55880" prst="artDeco"/>
              <a:contourClr>
                <a:schemeClr val="accent2">
                  <a:tint val="20000"/>
                </a:schemeClr>
              </a:contourClr>
            </a:sp3d>
          </a:bodyPr>
          <a:lstStyle/>
          <a:p>
            <a:pPr algn="ctr" eaLnBrk="1" hangingPunct="1">
              <a:defRPr/>
            </a:pPr>
            <a:r>
              <a:rPr lang="en-US" sz="40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Đề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tài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: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Sự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tích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cây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vú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sữa</a:t>
            </a:r>
            <a:endParaRPr lang="en-US" sz="4000" b="1" spc="50" dirty="0">
              <a:ln w="11430"/>
              <a:solidFill>
                <a:srgbClr val="7030A0"/>
              </a:solidFill>
              <a:effectLst>
                <a:outerShdw blurRad="76200" dist="50800" dir="5400000" algn="tl" rotWithShape="0">
                  <a:srgbClr val="000000">
                    <a:alpha val="65000"/>
                  </a:srgbClr>
                </a:outerShdw>
              </a:effectLst>
              <a:latin typeface="Arial" charset="0"/>
              <a:cs typeface="Arial" charset="0"/>
            </a:endParaRPr>
          </a:p>
        </p:txBody>
      </p:sp>
      <p:sp>
        <p:nvSpPr>
          <p:cNvPr id="54" name="Rectangle 53"/>
          <p:cNvSpPr/>
          <p:nvPr/>
        </p:nvSpPr>
        <p:spPr>
          <a:xfrm>
            <a:off x="1600994" y="3810794"/>
            <a:ext cx="8509060" cy="1569660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pPr algn="ctr" eaLnBrk="1" hangingPunct="1">
              <a:defRPr/>
            </a:pP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Lứa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tuổi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: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Mẫu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giáo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lớn</a:t>
            </a:r>
            <a:endParaRPr lang="en-US" sz="3200" b="1" dirty="0" smtClean="0">
              <a:ln w="24500" cmpd="dbl">
                <a:solidFill>
                  <a:schemeClr val="accent2">
                    <a:shade val="85000"/>
                    <a:satMod val="155000"/>
                  </a:schemeClr>
                </a:solidFill>
                <a:prstDash val="solid"/>
                <a:miter lim="800000"/>
              </a:ln>
              <a:gradFill>
                <a:gsLst>
                  <a:gs pos="10000">
                    <a:schemeClr val="accent2">
                      <a:tint val="10000"/>
                      <a:satMod val="155000"/>
                    </a:schemeClr>
                  </a:gs>
                  <a:gs pos="60000">
                    <a:schemeClr val="accent2">
                      <a:tint val="30000"/>
                      <a:satMod val="155000"/>
                    </a:schemeClr>
                  </a:gs>
                  <a:gs pos="100000">
                    <a:schemeClr val="accent2">
                      <a:tint val="73000"/>
                      <a:satMod val="155000"/>
                    </a:schemeClr>
                  </a:gs>
                </a:gsLst>
                <a:lin ang="5400000"/>
              </a:gradFill>
              <a:effectLst>
                <a:outerShdw blurRad="38100" dist="38100" dir="7020000" algn="tl">
                  <a:srgbClr val="000000">
                    <a:alpha val="35000"/>
                  </a:srgbClr>
                </a:outerShdw>
              </a:effectLst>
              <a:latin typeface="Arial" charset="0"/>
              <a:cs typeface="Arial" charset="0"/>
            </a:endParaRPr>
          </a:p>
          <a:p>
            <a:pPr algn="ctr" eaLnBrk="1" hangingPunct="1">
              <a:defRPr/>
            </a:pP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Người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thực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hiện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: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Nguyễn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Thị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Thanh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Mạch</a:t>
            </a:r>
            <a:endParaRPr lang="en-US" sz="3200" b="1" dirty="0" smtClean="0">
              <a:ln w="24500" cmpd="dbl">
                <a:solidFill>
                  <a:schemeClr val="accent2">
                    <a:shade val="85000"/>
                    <a:satMod val="155000"/>
                  </a:schemeClr>
                </a:solidFill>
                <a:prstDash val="solid"/>
                <a:miter lim="800000"/>
              </a:ln>
              <a:gradFill>
                <a:gsLst>
                  <a:gs pos="10000">
                    <a:schemeClr val="accent2">
                      <a:tint val="10000"/>
                      <a:satMod val="155000"/>
                    </a:schemeClr>
                  </a:gs>
                  <a:gs pos="60000">
                    <a:schemeClr val="accent2">
                      <a:tint val="30000"/>
                      <a:satMod val="155000"/>
                    </a:schemeClr>
                  </a:gs>
                  <a:gs pos="100000">
                    <a:schemeClr val="accent2">
                      <a:tint val="73000"/>
                      <a:satMod val="155000"/>
                    </a:schemeClr>
                  </a:gs>
                </a:gsLst>
                <a:lin ang="5400000"/>
              </a:gradFill>
              <a:effectLst>
                <a:outerShdw blurRad="38100" dist="38100" dir="7020000" algn="tl">
                  <a:srgbClr val="000000">
                    <a:alpha val="35000"/>
                  </a:srgbClr>
                </a:outerShdw>
              </a:effectLst>
              <a:latin typeface="Arial" charset="0"/>
              <a:cs typeface="Arial" charset="0"/>
            </a:endParaRPr>
          </a:p>
          <a:p>
            <a:pPr algn="ctr" eaLnBrk="1" hangingPunct="1">
              <a:defRPr/>
            </a:pP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                       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Trần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Thị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Thái</a:t>
            </a:r>
            <a:r>
              <a:rPr lang="en-US" sz="3200" b="1" dirty="0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3200" b="1" dirty="0" err="1" smtClean="0">
                <a:ln w="24500" cmpd="dbl">
                  <a:solidFill>
                    <a:schemeClr val="accent2">
                      <a:shade val="85000"/>
                      <a:satMod val="155000"/>
                    </a:schemeClr>
                  </a:solidFill>
                  <a:prstDash val="solid"/>
                  <a:miter lim="800000"/>
                </a:ln>
                <a:gradFill>
                  <a:gsLst>
                    <a:gs pos="10000">
                      <a:schemeClr val="accent2">
                        <a:tint val="10000"/>
                        <a:satMod val="155000"/>
                      </a:schemeClr>
                    </a:gs>
                    <a:gs pos="60000">
                      <a:schemeClr val="accent2">
                        <a:tint val="30000"/>
                        <a:satMod val="155000"/>
                      </a:schemeClr>
                    </a:gs>
                    <a:gs pos="100000">
                      <a:schemeClr val="accent2">
                        <a:tint val="73000"/>
                        <a:satMod val="155000"/>
                      </a:schemeClr>
                    </a:gs>
                  </a:gsLst>
                  <a:lin ang="5400000"/>
                </a:gradFill>
                <a:effectLst>
                  <a:outerShdw blurRad="38100" dist="38100" dir="7020000" algn="tl">
                    <a:srgbClr val="000000">
                      <a:alpha val="35000"/>
                    </a:srgbClr>
                  </a:outerShdw>
                </a:effectLst>
                <a:latin typeface="Arial" charset="0"/>
                <a:cs typeface="Arial" charset="0"/>
              </a:rPr>
              <a:t>Thanh</a:t>
            </a:r>
            <a:endParaRPr lang="en-US" sz="3200" b="1" dirty="0" smtClean="0">
              <a:ln w="24500" cmpd="dbl">
                <a:solidFill>
                  <a:schemeClr val="accent2">
                    <a:shade val="85000"/>
                    <a:satMod val="155000"/>
                  </a:schemeClr>
                </a:solidFill>
                <a:prstDash val="solid"/>
                <a:miter lim="800000"/>
              </a:ln>
              <a:gradFill>
                <a:gsLst>
                  <a:gs pos="10000">
                    <a:schemeClr val="accent2">
                      <a:tint val="10000"/>
                      <a:satMod val="155000"/>
                    </a:schemeClr>
                  </a:gs>
                  <a:gs pos="60000">
                    <a:schemeClr val="accent2">
                      <a:tint val="30000"/>
                      <a:satMod val="155000"/>
                    </a:schemeClr>
                  </a:gs>
                  <a:gs pos="100000">
                    <a:schemeClr val="accent2">
                      <a:tint val="73000"/>
                      <a:satMod val="155000"/>
                    </a:schemeClr>
                  </a:gs>
                </a:gsLst>
                <a:lin ang="5400000"/>
              </a:gradFill>
              <a:effectLst>
                <a:outerShdw blurRad="38100" dist="38100" dir="7020000" algn="tl">
                  <a:srgbClr val="000000">
                    <a:alpha val="35000"/>
                  </a:srgbClr>
                </a:outerShdw>
              </a:effectLst>
              <a:latin typeface="Arial" charset="0"/>
              <a:cs typeface="Arial" charset="0"/>
            </a:endParaRPr>
          </a:p>
        </p:txBody>
      </p:sp>
      <p:pic>
        <p:nvPicPr>
          <p:cNvPr id="55" name="Picture 8" descr="x53122380[1]"/>
          <p:cNvPicPr>
            <a:picLocks noChangeAspect="1" noChangeArrowheads="1" noCrop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7686514" y="5375869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6" name="WordArt 3"/>
          <p:cNvSpPr>
            <a:spLocks noChangeArrowheads="1" noChangeShapeType="1" noTextEdit="1"/>
          </p:cNvSpPr>
          <p:nvPr/>
        </p:nvSpPr>
        <p:spPr bwMode="auto">
          <a:xfrm>
            <a:off x="2820194" y="915194"/>
            <a:ext cx="5248559" cy="1520526"/>
          </a:xfrm>
          <a:prstGeom prst="rect">
            <a:avLst/>
          </a:prstGeom>
        </p:spPr>
        <p:txBody>
          <a:bodyPr wrap="none" fromWordArt="1">
            <a:prstTxWarp prst="textPlain">
              <a:avLst>
                <a:gd name="adj" fmla="val 50000"/>
              </a:avLst>
            </a:prstTxWarp>
          </a:bodyPr>
          <a:lstStyle/>
          <a:p>
            <a:pPr algn="ctr"/>
            <a:endParaRPr lang="en-US" sz="3600" kern="10" dirty="0">
              <a:ln w="12700">
                <a:solidFill>
                  <a:srgbClr val="EAEAEA"/>
                </a:solidFill>
                <a:round/>
                <a:headEnd/>
                <a:tailEnd/>
              </a:ln>
              <a:gradFill rotWithShape="1">
                <a:gsLst>
                  <a:gs pos="0">
                    <a:srgbClr val="A603AB"/>
                  </a:gs>
                  <a:gs pos="12000">
                    <a:srgbClr val="E81766"/>
                  </a:gs>
                  <a:gs pos="27000">
                    <a:srgbClr val="EE3F17"/>
                  </a:gs>
                  <a:gs pos="48000">
                    <a:srgbClr val="FFFF00"/>
                  </a:gs>
                  <a:gs pos="64999">
                    <a:srgbClr val="1A8D48"/>
                  </a:gs>
                  <a:gs pos="78999">
                    <a:srgbClr val="0819FB"/>
                  </a:gs>
                  <a:gs pos="100000">
                    <a:srgbClr val="A603AB"/>
                  </a:gs>
                </a:gsLst>
                <a:lin ang="0" scaled="1"/>
              </a:gradFill>
              <a:effectLst>
                <a:outerShdw dist="56796" dir="1593903" algn="ctr" rotWithShape="0">
                  <a:schemeClr val="tx1"/>
                </a:outerShdw>
              </a:effectLst>
              <a:latin typeface=".VnHelvetInsH" panose="020B7200000000000000" pitchFamily="34" charset="0"/>
            </a:endParaRPr>
          </a:p>
          <a:p>
            <a:pPr algn="ctr"/>
            <a:r>
              <a:rPr lang="en-US" sz="3600" kern="10" dirty="0" smtClean="0">
                <a:ln w="12700">
                  <a:solidFill>
                    <a:srgbClr val="EAEAEA"/>
                  </a:solidFill>
                  <a:round/>
                  <a:headEnd/>
                  <a:tailEnd/>
                </a:ln>
                <a:gradFill rotWithShape="1">
                  <a:gsLst>
                    <a:gs pos="0">
                      <a:srgbClr val="A603AB"/>
                    </a:gs>
                    <a:gs pos="12000">
                      <a:srgbClr val="E81766"/>
                    </a:gs>
                    <a:gs pos="27000">
                      <a:srgbClr val="EE3F17"/>
                    </a:gs>
                    <a:gs pos="48000">
                      <a:srgbClr val="FFFF00"/>
                    </a:gs>
                    <a:gs pos="64999">
                      <a:srgbClr val="1A8D48"/>
                    </a:gs>
                    <a:gs pos="78999">
                      <a:srgbClr val="0819FB"/>
                    </a:gs>
                    <a:gs pos="100000">
                      <a:srgbClr val="A603AB"/>
                    </a:gs>
                  </a:gsLst>
                  <a:lin ang="0" scaled="1"/>
                </a:gradFill>
                <a:effectLst>
                  <a:outerShdw dist="56796" dir="1593903" algn="ctr" rotWithShape="0">
                    <a:schemeClr val="tx1"/>
                  </a:outerShdw>
                </a:effectLst>
                <a:latin typeface=".VnHelvetInsH" panose="020B7200000000000000" pitchFamily="34" charset="0"/>
              </a:rPr>
              <a:t>GI¸O ¸N §IÖN </a:t>
            </a:r>
            <a:r>
              <a:rPr lang="en-US" sz="3600" kern="10" dirty="0" err="1" smtClean="0">
                <a:ln w="12700">
                  <a:solidFill>
                    <a:srgbClr val="EAEAEA"/>
                  </a:solidFill>
                  <a:round/>
                  <a:headEnd/>
                  <a:tailEnd/>
                </a:ln>
                <a:gradFill rotWithShape="1">
                  <a:gsLst>
                    <a:gs pos="0">
                      <a:srgbClr val="A603AB"/>
                    </a:gs>
                    <a:gs pos="12000">
                      <a:srgbClr val="E81766"/>
                    </a:gs>
                    <a:gs pos="27000">
                      <a:srgbClr val="EE3F17"/>
                    </a:gs>
                    <a:gs pos="48000">
                      <a:srgbClr val="FFFF00"/>
                    </a:gs>
                    <a:gs pos="64999">
                      <a:srgbClr val="1A8D48"/>
                    </a:gs>
                    <a:gs pos="78999">
                      <a:srgbClr val="0819FB"/>
                    </a:gs>
                    <a:gs pos="100000">
                      <a:srgbClr val="A603AB"/>
                    </a:gs>
                  </a:gsLst>
                  <a:lin ang="0" scaled="1"/>
                </a:gradFill>
                <a:effectLst>
                  <a:outerShdw dist="56796" dir="1593903" algn="ctr" rotWithShape="0">
                    <a:schemeClr val="tx1"/>
                  </a:outerShdw>
                </a:effectLst>
                <a:latin typeface=".VnHelvetInsH" panose="020B7200000000000000" pitchFamily="34" charset="0"/>
              </a:rPr>
              <a:t>Tö</a:t>
            </a:r>
            <a:endParaRPr lang="en-US" sz="3600" kern="10" dirty="0" smtClean="0">
              <a:ln w="12700">
                <a:solidFill>
                  <a:srgbClr val="EAEAEA"/>
                </a:solidFill>
                <a:round/>
                <a:headEnd/>
                <a:tailEnd/>
              </a:ln>
              <a:gradFill rotWithShape="1">
                <a:gsLst>
                  <a:gs pos="0">
                    <a:srgbClr val="A603AB"/>
                  </a:gs>
                  <a:gs pos="12000">
                    <a:srgbClr val="E81766"/>
                  </a:gs>
                  <a:gs pos="27000">
                    <a:srgbClr val="EE3F17"/>
                  </a:gs>
                  <a:gs pos="48000">
                    <a:srgbClr val="FFFF00"/>
                  </a:gs>
                  <a:gs pos="64999">
                    <a:srgbClr val="1A8D48"/>
                  </a:gs>
                  <a:gs pos="78999">
                    <a:srgbClr val="0819FB"/>
                  </a:gs>
                  <a:gs pos="100000">
                    <a:srgbClr val="A603AB"/>
                  </a:gs>
                </a:gsLst>
                <a:lin ang="0" scaled="1"/>
              </a:gradFill>
              <a:effectLst>
                <a:outerShdw dist="56796" dir="1593903" algn="ctr" rotWithShape="0">
                  <a:schemeClr val="tx1"/>
                </a:outerShdw>
              </a:effectLst>
              <a:latin typeface=".VnHelvetInsH" panose="020B7200000000000000" pitchFamily="34" charset="0"/>
            </a:endParaRPr>
          </a:p>
          <a:p>
            <a:pPr algn="ctr"/>
            <a:r>
              <a:rPr lang="en-US" sz="3600" kern="10" dirty="0" smtClean="0">
                <a:ln w="12700">
                  <a:solidFill>
                    <a:srgbClr val="EAEAEA"/>
                  </a:solidFill>
                  <a:round/>
                  <a:headEnd/>
                  <a:tailEnd/>
                </a:ln>
                <a:gradFill rotWithShape="1">
                  <a:gsLst>
                    <a:gs pos="0">
                      <a:srgbClr val="A603AB"/>
                    </a:gs>
                    <a:gs pos="12000">
                      <a:srgbClr val="E81766"/>
                    </a:gs>
                    <a:gs pos="27000">
                      <a:srgbClr val="EE3F17"/>
                    </a:gs>
                    <a:gs pos="48000">
                      <a:srgbClr val="FFFF00"/>
                    </a:gs>
                    <a:gs pos="64999">
                      <a:srgbClr val="1A8D48"/>
                    </a:gs>
                    <a:gs pos="78999">
                      <a:srgbClr val="0819FB"/>
                    </a:gs>
                    <a:gs pos="100000">
                      <a:srgbClr val="A603AB"/>
                    </a:gs>
                  </a:gsLst>
                  <a:lin ang="0" scaled="1"/>
                </a:gradFill>
                <a:effectLst>
                  <a:outerShdw dist="56796" dir="1593903" algn="ctr" rotWithShape="0">
                    <a:schemeClr val="tx1"/>
                  </a:outerShdw>
                </a:effectLst>
                <a:latin typeface=".VnHelvetInsH" panose="020B7200000000000000" pitchFamily="34" charset="0"/>
              </a:rPr>
              <a:t> LÜNH </a:t>
            </a:r>
            <a:r>
              <a:rPr lang="en-US" sz="3600" kern="10" dirty="0" err="1" smtClean="0">
                <a:ln w="12700">
                  <a:solidFill>
                    <a:srgbClr val="EAEAEA"/>
                  </a:solidFill>
                  <a:round/>
                  <a:headEnd/>
                  <a:tailEnd/>
                </a:ln>
                <a:gradFill rotWithShape="1">
                  <a:gsLst>
                    <a:gs pos="0">
                      <a:srgbClr val="A603AB"/>
                    </a:gs>
                    <a:gs pos="12000">
                      <a:srgbClr val="E81766"/>
                    </a:gs>
                    <a:gs pos="27000">
                      <a:srgbClr val="EE3F17"/>
                    </a:gs>
                    <a:gs pos="48000">
                      <a:srgbClr val="FFFF00"/>
                    </a:gs>
                    <a:gs pos="64999">
                      <a:srgbClr val="1A8D48"/>
                    </a:gs>
                    <a:gs pos="78999">
                      <a:srgbClr val="0819FB"/>
                    </a:gs>
                    <a:gs pos="100000">
                      <a:srgbClr val="A603AB"/>
                    </a:gs>
                  </a:gsLst>
                  <a:lin ang="0" scaled="1"/>
                </a:gradFill>
                <a:effectLst>
                  <a:outerShdw dist="56796" dir="1593903" algn="ctr" rotWithShape="0">
                    <a:schemeClr val="tx1"/>
                  </a:outerShdw>
                </a:effectLst>
                <a:latin typeface=".VnHelvetInsH" panose="020B7200000000000000" pitchFamily="34" charset="0"/>
              </a:rPr>
              <a:t>VùC</a:t>
            </a:r>
            <a:r>
              <a:rPr lang="en-US" sz="3600" kern="10" dirty="0" smtClean="0">
                <a:ln w="12700">
                  <a:solidFill>
                    <a:srgbClr val="EAEAEA"/>
                  </a:solidFill>
                  <a:round/>
                  <a:headEnd/>
                  <a:tailEnd/>
                </a:ln>
                <a:gradFill rotWithShape="1">
                  <a:gsLst>
                    <a:gs pos="0">
                      <a:srgbClr val="A603AB"/>
                    </a:gs>
                    <a:gs pos="12000">
                      <a:srgbClr val="E81766"/>
                    </a:gs>
                    <a:gs pos="27000">
                      <a:srgbClr val="EE3F17"/>
                    </a:gs>
                    <a:gs pos="48000">
                      <a:srgbClr val="FFFF00"/>
                    </a:gs>
                    <a:gs pos="64999">
                      <a:srgbClr val="1A8D48"/>
                    </a:gs>
                    <a:gs pos="78999">
                      <a:srgbClr val="0819FB"/>
                    </a:gs>
                    <a:gs pos="100000">
                      <a:srgbClr val="A603AB"/>
                    </a:gs>
                  </a:gsLst>
                  <a:lin ang="0" scaled="1"/>
                </a:gradFill>
                <a:effectLst>
                  <a:outerShdw dist="56796" dir="1593903" algn="ctr" rotWithShape="0">
                    <a:schemeClr val="tx1"/>
                  </a:outerShdw>
                </a:effectLst>
                <a:latin typeface=".VnHelvetInsH" panose="020B7200000000000000" pitchFamily="34" charset="0"/>
              </a:rPr>
              <a:t>: PH¸T TRIÓN NG¤N NG÷</a:t>
            </a:r>
          </a:p>
        </p:txBody>
      </p:sp>
      <p:sp>
        <p:nvSpPr>
          <p:cNvPr id="48" name="Rectangle 47"/>
          <p:cNvSpPr/>
          <p:nvPr/>
        </p:nvSpPr>
        <p:spPr>
          <a:xfrm>
            <a:off x="1892948" y="229394"/>
            <a:ext cx="7912744" cy="830997"/>
          </a:xfrm>
          <a:prstGeom prst="rect">
            <a:avLst/>
          </a:prstGeom>
          <a:noFill/>
        </p:spPr>
        <p:txBody>
          <a:bodyPr wrap="none">
            <a:spAutoFit/>
            <a:scene3d>
              <a:camera prst="orthographicFront"/>
              <a:lightRig rig="soft" dir="tl">
                <a:rot lat="0" lon="0" rev="0"/>
              </a:lightRig>
            </a:scene3d>
            <a:sp3d contourW="25400" prstMaterial="matte">
              <a:bevelT w="25400" h="55880" prst="artDeco"/>
              <a:contourClr>
                <a:schemeClr val="accent2">
                  <a:tint val="20000"/>
                </a:schemeClr>
              </a:contourClr>
            </a:sp3d>
          </a:bodyPr>
          <a:lstStyle/>
          <a:p>
            <a:pPr algn="ctr" eaLnBrk="1" hangingPunct="1">
              <a:defRPr/>
            </a:pPr>
            <a:r>
              <a:rPr lang="en-US" sz="24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PHÒNG GIÁO DỤC &amp; ĐÀO TẠO HUYỆN THANH TRÌ</a:t>
            </a:r>
          </a:p>
          <a:p>
            <a:pPr algn="ctr" eaLnBrk="1" hangingPunct="1">
              <a:defRPr/>
            </a:pPr>
            <a:r>
              <a:rPr lang="en-US" sz="24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Trường</a:t>
            </a:r>
            <a:r>
              <a:rPr lang="en-US" sz="24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24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mầm</a:t>
            </a:r>
            <a:r>
              <a:rPr lang="en-US" sz="24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non A </a:t>
            </a:r>
            <a:r>
              <a:rPr lang="en-US" sz="24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xã</a:t>
            </a:r>
            <a:r>
              <a:rPr lang="en-US" sz="24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24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Liên</a:t>
            </a:r>
            <a:r>
              <a:rPr lang="en-US" sz="24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</a:t>
            </a:r>
            <a:r>
              <a:rPr lang="en-US" sz="24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Ninh</a:t>
            </a:r>
            <a:endParaRPr lang="en-US" sz="2400" b="1" spc="50" dirty="0" smtClean="0">
              <a:ln w="11430"/>
              <a:solidFill>
                <a:srgbClr val="7030A0"/>
              </a:solidFill>
              <a:effectLst>
                <a:outerShdw blurRad="76200" dist="50800" dir="5400000" algn="tl" rotWithShape="0">
                  <a:srgbClr val="000000">
                    <a:alpha val="65000"/>
                  </a:srgbClr>
                </a:outerShdw>
              </a:effectLst>
              <a:latin typeface="Arial" charset="0"/>
              <a:cs typeface="Arial" charset="0"/>
            </a:endParaRPr>
          </a:p>
        </p:txBody>
      </p:sp>
    </p:spTree>
    <p:extLst>
      <p:ext uri="{BB962C8B-B14F-4D97-AF65-F5344CB8AC3E}">
        <p14:creationId xmlns="" xmlns:p14="http://schemas.microsoft.com/office/powerpoint/2010/main" val="288094579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loud Callout 1"/>
          <p:cNvSpPr/>
          <p:nvPr/>
        </p:nvSpPr>
        <p:spPr>
          <a:xfrm>
            <a:off x="61019" y="610393"/>
            <a:ext cx="10913369" cy="4821415"/>
          </a:xfrm>
          <a:prstGeom prst="cloudCallou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Rectangle 2"/>
          <p:cNvSpPr/>
          <p:nvPr/>
        </p:nvSpPr>
        <p:spPr>
          <a:xfrm>
            <a:off x="988326" y="1296194"/>
            <a:ext cx="9604268" cy="2554545"/>
          </a:xfrm>
          <a:prstGeom prst="rect">
            <a:avLst/>
          </a:prstGeom>
          <a:noFill/>
        </p:spPr>
        <p:txBody>
          <a:bodyPr wrap="square">
            <a:spAutoFit/>
            <a:scene3d>
              <a:camera prst="orthographicFront"/>
              <a:lightRig rig="soft" dir="tl">
                <a:rot lat="0" lon="0" rev="0"/>
              </a:lightRig>
            </a:scene3d>
            <a:sp3d contourW="25400" prstMaterial="matte">
              <a:bevelT w="25400" h="55880" prst="artDeco"/>
              <a:contourClr>
                <a:schemeClr val="accent2">
                  <a:tint val="20000"/>
                </a:schemeClr>
              </a:contourClr>
            </a:sp3d>
          </a:bodyPr>
          <a:lstStyle/>
          <a:p>
            <a:pPr algn="ctr" eaLnBrk="1" hangingPunct="1">
              <a:defRPr/>
            </a:pP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Câu hỏi 3: </a:t>
            </a:r>
          </a:p>
          <a:p>
            <a:pPr eaLnBrk="1" hangingPunct="1">
              <a:defRPr/>
            </a:pP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- Trong khi ngồi khóc vì nhớ mẹ, điều kỳ lạ gì </a:t>
            </a:r>
            <a:r>
              <a:rPr lang="en-US" sz="4000" b="1" spc="50" dirty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đ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ã xảy ra với cậu bé?</a:t>
            </a:r>
          </a:p>
          <a:p>
            <a:pPr eaLnBrk="1" hangingPunct="1">
              <a:defRPr/>
            </a:pP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- Quả của cây đó có vị như thế nào?</a:t>
            </a:r>
            <a:endParaRPr lang="en-US" sz="4000" b="1" spc="50" dirty="0">
              <a:ln w="11430"/>
              <a:solidFill>
                <a:srgbClr val="7030A0"/>
              </a:solidFill>
              <a:latin typeface="Arial" charset="0"/>
              <a:cs typeface="Arial" charset="0"/>
            </a:endParaRPr>
          </a:p>
        </p:txBody>
      </p:sp>
      <p:pic>
        <p:nvPicPr>
          <p:cNvPr id="5" name="cau hoi 3.mp4.m4a">
            <a:hlinkClick r:id="" action="ppaction://media"/>
          </p:cNvPr>
          <p:cNvPicPr>
            <a:picLocks noRot="1" noChangeAspect="1"/>
          </p:cNvPicPr>
          <p:nvPr>
            <a:audioFile r:link="rId1"/>
          </p:nvPr>
        </p:nvPicPr>
        <p:blipFill>
          <a:blip r:embed="rId3"/>
          <a:stretch>
            <a:fillRect/>
          </a:stretch>
        </p:blipFill>
        <p:spPr>
          <a:xfrm>
            <a:off x="10211594" y="6249194"/>
            <a:ext cx="304800" cy="304800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100000">
                <p:cTn id="7" fill="hold" display="0">
                  <p:stCondLst>
                    <p:cond delay="indefinite"/>
                  </p:stCondLst>
                  <p:endCondLst>
                    <p:cond evt="onNext" delay="0">
                      <p:tgtEl>
                        <p:sldTgt/>
                      </p:tgtEl>
                    </p:cond>
                    <p:cond evt="onPrev" delay="0">
                      <p:tgtEl>
                        <p:sldTgt/>
                      </p:tgtEl>
                    </p:cond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41" descr="C:\Users\huyen\Desktop\truyen\Capture654.PN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5515859" cy="323526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0" y="1560257"/>
            <a:ext cx="1257829" cy="167501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5515859" y="1"/>
            <a:ext cx="5458529" cy="3167013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1" y="3235268"/>
            <a:ext cx="5515858" cy="2783507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5515858" y="3167014"/>
            <a:ext cx="5492219" cy="2847600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33689" y="6136275"/>
            <a:ext cx="10974388" cy="64648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ì lạ thay cành cây bỗng rung mạnh, cây ra hoa, ra quả rồi chín. Quả có màu xanh, da căng mịn và một trái </a:t>
            </a:r>
          </a:p>
          <a:p>
            <a:r>
              <a:rPr lang="en-US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o rơi vào lòng cậu. Cậu vừa chạm vào một dòng sữa trắng trào ra ngọt như dòng sữa mẹ.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cxnSp>
        <p:nvCxnSpPr>
          <p:cNvPr id="11" name="Straight Connector 10"/>
          <p:cNvCxnSpPr/>
          <p:nvPr/>
        </p:nvCxnSpPr>
        <p:spPr>
          <a:xfrm>
            <a:off x="5515859" y="1"/>
            <a:ext cx="0" cy="6014613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3" name="Straight Connector 12"/>
          <p:cNvCxnSpPr/>
          <p:nvPr/>
        </p:nvCxnSpPr>
        <p:spPr>
          <a:xfrm flipV="1">
            <a:off x="1" y="3167013"/>
            <a:ext cx="11008077" cy="68254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2" name="Voice 003.m4a">
            <a:hlinkClick r:id="" action="ppaction://media"/>
          </p:cNvPr>
          <p:cNvPicPr>
            <a:picLocks noRot="1" noChangeAspect="1"/>
          </p:cNvPicPr>
          <p:nvPr>
            <a:audioFile r:link="rId1"/>
          </p:nvPr>
        </p:nvPicPr>
        <p:blipFill>
          <a:blip r:embed="rId8"/>
          <a:stretch>
            <a:fillRect/>
          </a:stretch>
        </p:blipFill>
        <p:spPr>
          <a:xfrm>
            <a:off x="10363994" y="6249194"/>
            <a:ext cx="304800" cy="3048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240697162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100000">
                <p:cTn id="7" fill="hold" display="0">
                  <p:stCondLst>
                    <p:cond delay="indefinite"/>
                  </p:stCondLst>
                  <p:endCondLst>
                    <p:cond evt="onNext" delay="0">
                      <p:tgtEl>
                        <p:sldTgt/>
                      </p:tgtEl>
                    </p:cond>
                    <p:cond evt="onPrev" delay="0">
                      <p:tgtEl>
                        <p:sldTgt/>
                      </p:tgtEl>
                    </p:cond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10-Point Star 4"/>
          <p:cNvSpPr/>
          <p:nvPr/>
        </p:nvSpPr>
        <p:spPr>
          <a:xfrm>
            <a:off x="1" y="696196"/>
            <a:ext cx="10974388" cy="4654965"/>
          </a:xfrm>
          <a:prstGeom prst="star10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Rectangle 5"/>
          <p:cNvSpPr/>
          <p:nvPr/>
        </p:nvSpPr>
        <p:spPr>
          <a:xfrm>
            <a:off x="103195" y="1654870"/>
            <a:ext cx="10717999" cy="2308324"/>
          </a:xfrm>
          <a:prstGeom prst="rect">
            <a:avLst/>
          </a:prstGeom>
          <a:noFill/>
        </p:spPr>
        <p:txBody>
          <a:bodyPr wrap="none">
            <a:spAutoFit/>
            <a:scene3d>
              <a:camera prst="orthographicFront"/>
              <a:lightRig rig="soft" dir="tl">
                <a:rot lat="0" lon="0" rev="0"/>
              </a:lightRig>
            </a:scene3d>
            <a:sp3d contourW="25400" prstMaterial="matte">
              <a:bevelT w="25400" h="55880" prst="artDeco"/>
              <a:contourClr>
                <a:schemeClr val="accent2">
                  <a:tint val="20000"/>
                </a:schemeClr>
              </a:contourClr>
            </a:sp3d>
          </a:bodyPr>
          <a:lstStyle/>
          <a:p>
            <a:pPr algn="ctr" eaLnBrk="1" hangingPunct="1">
              <a:defRPr/>
            </a:pPr>
            <a:r>
              <a:rPr lang="en-US" sz="36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Câu hỏi 4: </a:t>
            </a:r>
          </a:p>
          <a:p>
            <a:pPr eaLnBrk="1" hangingPunct="1">
              <a:defRPr/>
            </a:pPr>
            <a:r>
              <a:rPr lang="en-US" sz="36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  - Đoạn nào trong câu chuyện gợi cho cậu </a:t>
            </a:r>
          </a:p>
          <a:p>
            <a:pPr eaLnBrk="1" hangingPunct="1">
              <a:defRPr/>
            </a:pPr>
            <a:r>
              <a:rPr lang="en-US" sz="3600" b="1" spc="50" dirty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</a:t>
            </a:r>
            <a:r>
              <a:rPr lang="en-US" sz="36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   bé nhớ đến hình ảnh của mẹ?</a:t>
            </a:r>
          </a:p>
          <a:p>
            <a:pPr eaLnBrk="1" hangingPunct="1">
              <a:defRPr/>
            </a:pPr>
            <a:r>
              <a:rPr lang="en-US" sz="36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  - Vì sao người mẹ lại biến thành cây vú sữa?</a:t>
            </a:r>
            <a:endParaRPr lang="en-US" sz="3600" b="1" spc="50" dirty="0">
              <a:ln w="11430"/>
              <a:solidFill>
                <a:srgbClr val="7030A0"/>
              </a:solidFill>
              <a:latin typeface="Arial" charset="0"/>
              <a:cs typeface="Arial" charset="0"/>
            </a:endParaRPr>
          </a:p>
        </p:txBody>
      </p:sp>
      <p:pic>
        <p:nvPicPr>
          <p:cNvPr id="7" name="cau hoi 4.mp4.m4a">
            <a:hlinkClick r:id="" action="ppaction://media"/>
          </p:cNvPr>
          <p:cNvPicPr>
            <a:picLocks noRot="1" noChangeAspect="1"/>
          </p:cNvPicPr>
          <p:nvPr>
            <a:audioFile r:link="rId1"/>
          </p:nvPr>
        </p:nvPicPr>
        <p:blipFill>
          <a:blip r:embed="rId3"/>
          <a:stretch>
            <a:fillRect/>
          </a:stretch>
        </p:blipFill>
        <p:spPr>
          <a:xfrm>
            <a:off x="10135394" y="6096794"/>
            <a:ext cx="304800" cy="3048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223023583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100000">
                <p:cTn id="7" fill="hold" display="0">
                  <p:stCondLst>
                    <p:cond delay="indefinite"/>
                  </p:stCondLst>
                  <p:endCondLst>
                    <p:cond evt="onNext" delay="0">
                      <p:tgtEl>
                        <p:sldTgt/>
                      </p:tgtEl>
                    </p:cond>
                    <p:cond evt="onPrev" delay="0">
                      <p:tgtEl>
                        <p:sldTgt/>
                      </p:tgtEl>
                    </p:cond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0" y="14649"/>
            <a:ext cx="5405296" cy="5827946"/>
          </a:xfrm>
          <a:prstGeom prst="rect">
            <a:avLst/>
          </a:prstGeom>
        </p:spPr>
      </p:pic>
      <p:pic>
        <p:nvPicPr>
          <p:cNvPr id="4" name="Picture 41" descr="C:\Users\huyen\Desktop\truyen\11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5405296" y="-1"/>
            <a:ext cx="5569092" cy="584259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TextBox 4"/>
          <p:cNvSpPr txBox="1"/>
          <p:nvPr/>
        </p:nvSpPr>
        <p:spPr>
          <a:xfrm>
            <a:off x="0" y="5944394"/>
            <a:ext cx="1097438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ậu nhìn lên tán lá, lá cây có một mặt xanh và một mặt đỏ hoe, giống như mắt mẹ khóc vì mòn mỏi chờ đợi con trở về. </a:t>
            </a:r>
            <a:r>
              <a:rPr lang="en-US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ậu</a:t>
            </a:r>
            <a:r>
              <a:rPr lang="en-US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bé òa khóc. Cây xòa cành ôm cậu như tay mẹ âu yếm vỗ về.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cxnSp>
        <p:nvCxnSpPr>
          <p:cNvPr id="6" name="Straight Connector 5"/>
          <p:cNvCxnSpPr/>
          <p:nvPr/>
        </p:nvCxnSpPr>
        <p:spPr>
          <a:xfrm>
            <a:off x="5405296" y="14649"/>
            <a:ext cx="0" cy="5827946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Straight Connector 7"/>
          <p:cNvCxnSpPr/>
          <p:nvPr/>
        </p:nvCxnSpPr>
        <p:spPr>
          <a:xfrm>
            <a:off x="0" y="5842595"/>
            <a:ext cx="10974388" cy="0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7" name="Voice 004.m4a">
            <a:hlinkClick r:id="" action="ppaction://media"/>
          </p:cNvPr>
          <p:cNvPicPr>
            <a:picLocks noRot="1" noChangeAspect="1"/>
          </p:cNvPicPr>
          <p:nvPr>
            <a:audioFile r:link="rId1"/>
          </p:nvPr>
        </p:nvPicPr>
        <p:blipFill>
          <a:blip r:embed="rId5"/>
          <a:stretch>
            <a:fillRect/>
          </a:stretch>
        </p:blipFill>
        <p:spPr>
          <a:xfrm>
            <a:off x="10440194" y="6401594"/>
            <a:ext cx="304800" cy="3048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71982592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100000">
                <p:cTn id="7" fill="hold" display="0">
                  <p:stCondLst>
                    <p:cond delay="indefinite"/>
                  </p:stCondLst>
                  <p:endCondLst>
                    <p:cond evt="onNext" delay="0">
                      <p:tgtEl>
                        <p:sldTgt/>
                      </p:tgtEl>
                    </p:cond>
                    <p:cond evt="onPrev" delay="0">
                      <p:tgtEl>
                        <p:sldTgt/>
                      </p:tgtEl>
                    </p:cond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10-Point Star 1"/>
          <p:cNvSpPr/>
          <p:nvPr/>
        </p:nvSpPr>
        <p:spPr>
          <a:xfrm>
            <a:off x="1" y="696196"/>
            <a:ext cx="10974388" cy="4654965"/>
          </a:xfrm>
          <a:prstGeom prst="star10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Rectangle 2"/>
          <p:cNvSpPr/>
          <p:nvPr/>
        </p:nvSpPr>
        <p:spPr>
          <a:xfrm>
            <a:off x="681421" y="1524794"/>
            <a:ext cx="9530173" cy="2308324"/>
          </a:xfrm>
          <a:prstGeom prst="rect">
            <a:avLst/>
          </a:prstGeom>
          <a:noFill/>
        </p:spPr>
        <p:txBody>
          <a:bodyPr wrap="none">
            <a:spAutoFit/>
            <a:scene3d>
              <a:camera prst="orthographicFront"/>
              <a:lightRig rig="soft" dir="tl">
                <a:rot lat="0" lon="0" rev="0"/>
              </a:lightRig>
            </a:scene3d>
            <a:sp3d contourW="25400" prstMaterial="matte">
              <a:bevelT w="25400" h="55880" prst="artDeco"/>
              <a:contourClr>
                <a:schemeClr val="accent2">
                  <a:tint val="20000"/>
                </a:schemeClr>
              </a:contourClr>
            </a:sp3d>
          </a:bodyPr>
          <a:lstStyle/>
          <a:p>
            <a:pPr algn="ctr" eaLnBrk="1" hangingPunct="1">
              <a:defRPr/>
            </a:pPr>
            <a:r>
              <a:rPr lang="en-US" sz="36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Câu hỏi 5: </a:t>
            </a:r>
          </a:p>
          <a:p>
            <a:pPr eaLnBrk="1" hangingPunct="1">
              <a:defRPr/>
            </a:pPr>
            <a:r>
              <a:rPr lang="en-US" sz="36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- Qua câu chuyện này con có yêu thương</a:t>
            </a:r>
          </a:p>
          <a:p>
            <a:pPr eaLnBrk="1" hangingPunct="1">
              <a:defRPr/>
            </a:pPr>
            <a:r>
              <a:rPr lang="en-US" sz="36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     mẹ của mình hơn không ? </a:t>
            </a:r>
          </a:p>
          <a:p>
            <a:pPr eaLnBrk="1" hangingPunct="1">
              <a:defRPr/>
            </a:pPr>
            <a:r>
              <a:rPr lang="en-US" sz="36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- Vậy con phải làm gì?</a:t>
            </a:r>
            <a:endParaRPr lang="en-US" sz="3600" b="1" spc="50" dirty="0">
              <a:ln w="11430"/>
              <a:solidFill>
                <a:srgbClr val="7030A0"/>
              </a:solidFill>
              <a:latin typeface="Arial" charset="0"/>
              <a:cs typeface="Arial" charset="0"/>
            </a:endParaRPr>
          </a:p>
        </p:txBody>
      </p:sp>
      <p:pic>
        <p:nvPicPr>
          <p:cNvPr id="6" name="cau hoi 5.mp4.m4a">
            <a:hlinkClick r:id="" action="ppaction://media"/>
          </p:cNvPr>
          <p:cNvPicPr>
            <a:picLocks noRot="1" noChangeAspect="1"/>
          </p:cNvPicPr>
          <p:nvPr>
            <a:audioFile r:link="rId1"/>
          </p:nvPr>
        </p:nvPicPr>
        <p:blipFill>
          <a:blip r:embed="rId3"/>
          <a:stretch>
            <a:fillRect/>
          </a:stretch>
        </p:blipFill>
        <p:spPr>
          <a:xfrm>
            <a:off x="10363994" y="6172994"/>
            <a:ext cx="304800" cy="3048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3295779187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100000">
                <p:cTn id="7" fill="hold" display="0">
                  <p:stCondLst>
                    <p:cond delay="indefinite"/>
                  </p:stCondLst>
                  <p:endCondLst>
                    <p:cond evt="onNext" delay="0">
                      <p:tgtEl>
                        <p:sldTgt/>
                      </p:tgtEl>
                    </p:cond>
                    <p:cond evt="onPrev" delay="0">
                      <p:tgtEl>
                        <p:sldTgt/>
                      </p:tgtEl>
                    </p:cond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143794" y="2820194"/>
            <a:ext cx="9082615" cy="70788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oạt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ộng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3: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ảo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uận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à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ể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ại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uyện</a:t>
            </a:r>
            <a:endParaRPr lang="en-US" sz="4000" b="1" dirty="0" smtClean="0">
              <a:latin typeface="Times New Roman" pitchFamily="18" charset="0"/>
              <a:ea typeface="Times New Roman" pitchFamily="18" charset="0"/>
              <a:cs typeface="Times New Roman" pitchFamily="18" charset="0"/>
            </a:endParaRPr>
          </a:p>
        </p:txBody>
      </p:sp>
      <p:grpSp>
        <p:nvGrpSpPr>
          <p:cNvPr id="3" name="Group 37"/>
          <p:cNvGrpSpPr>
            <a:grpSpLocks/>
          </p:cNvGrpSpPr>
          <p:nvPr/>
        </p:nvGrpSpPr>
        <p:grpSpPr bwMode="auto">
          <a:xfrm rot="10800000" flipH="1" flipV="1">
            <a:off x="9068594" y="4115594"/>
            <a:ext cx="1600994" cy="2743994"/>
            <a:chOff x="4368" y="2880"/>
            <a:chExt cx="1200" cy="1289"/>
          </a:xfrm>
        </p:grpSpPr>
        <p:sp>
          <p:nvSpPr>
            <p:cNvPr id="4" name="Freeform 38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5" name="Freeform 39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6" name="Freeform 40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7" name="Freeform 41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8" name="Freeform 42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9" name="Freeform 43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0" name="Freeform 44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11" name="Group 45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12" name="Picture 4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3" name="Picture 47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4" name="Picture 4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5" name="Picture 4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6" name="Picture 5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7" name="Picture 5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8" name="Picture 5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9" name="Picture 5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" name="Picture 5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pic>
        <p:nvPicPr>
          <p:cNvPr id="24" name="Picture 6" descr="5"/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3963194"/>
            <a:ext cx="1753394" cy="312688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5" name="Picture 7" descr="5"/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0800000">
            <a:off x="9373393" y="0"/>
            <a:ext cx="1600994" cy="289639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26" name="Group 19"/>
          <p:cNvGrpSpPr>
            <a:grpSpLocks/>
          </p:cNvGrpSpPr>
          <p:nvPr/>
        </p:nvGrpSpPr>
        <p:grpSpPr bwMode="auto">
          <a:xfrm flipH="1" flipV="1">
            <a:off x="76994" y="229394"/>
            <a:ext cx="2057400" cy="2861831"/>
            <a:chOff x="4368" y="2880"/>
            <a:chExt cx="1200" cy="1289"/>
          </a:xfrm>
        </p:grpSpPr>
        <p:sp>
          <p:nvSpPr>
            <p:cNvPr id="27" name="Freeform 20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8" name="Freeform 21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9" name="Freeform 22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30" name="Freeform 23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31" name="Freeform 24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32" name="Freeform 25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33" name="Freeform 26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34" name="Group 27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35" name="Picture 2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6" name="Picture 2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7" name="Picture 3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8" name="Picture 3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9" name="Picture 3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40" name="Picture 3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41" name="Picture 3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42" name="Picture 35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43" name="Picture 3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2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0974387" cy="6859587"/>
          </a:xfrm>
          <a:prstGeom prst="rect">
            <a:avLst/>
          </a:prstGeom>
          <a:solidFill>
            <a:srgbClr val="FFFFFF"/>
          </a:solidFill>
          <a:ln>
            <a:noFill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 descr="quizscreen_775622468.png"/>
          <p:cNvPicPr>
            <a:picLocks/>
          </p:cNvPicPr>
          <p:nvPr/>
        </p:nvPicPr>
        <p:blipFill>
          <a:blip r:embed="rId4"/>
          <a:stretch>
            <a:fillRect/>
          </a:stretch>
        </p:blipFill>
        <p:spPr>
          <a:xfrm>
            <a:off x="1928463" y="1852088"/>
            <a:ext cx="7112000" cy="44450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9" name="ISPRING_QUIZ_SHAPE2"/>
          <p:cNvSpPr txBox="1"/>
          <p:nvPr/>
        </p:nvSpPr>
        <p:spPr>
          <a:xfrm>
            <a:off x="658463" y="411575"/>
            <a:ext cx="96574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/>
            </a:endParaRPr>
          </a:p>
        </p:txBody>
      </p:sp>
      <p:pic>
        <p:nvPicPr>
          <p:cNvPr id="10" name="ISPRING_QUIZ_SHAPE3" descr="ispic775622500.png"/>
          <p:cNvPicPr>
            <a:picLocks/>
          </p:cNvPicPr>
          <p:nvPr/>
        </p:nvPicPr>
        <p:blipFill>
          <a:blip r:embed="rId5"/>
          <a:stretch>
            <a:fillRect/>
          </a:stretch>
        </p:blipFill>
        <p:spPr>
          <a:xfrm>
            <a:off x="4749005" y="482695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658463" y="1097533"/>
            <a:ext cx="96574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Sự Tích Cây Vú Sữa.mp4">
            <a:hlinkClick r:id="" action="ppaction://media"/>
          </p:cNvPr>
          <p:cNvPicPr>
            <a:picLocks noRot="1" noChangeAspect="1"/>
          </p:cNvPicPr>
          <p:nvPr>
            <a:videoFile r:link="rId1"/>
          </p:nvPr>
        </p:nvPicPr>
        <p:blipFill>
          <a:blip r:embed="rId3"/>
          <a:stretch>
            <a:fillRect/>
          </a:stretch>
        </p:blipFill>
        <p:spPr>
          <a:xfrm>
            <a:off x="229394" y="114895"/>
            <a:ext cx="10515600" cy="6629401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100000">
                <p:cTn id="7" fill="hold" display="0">
                  <p:stCondLst>
                    <p:cond delay="indefinite"/>
                  </p:stCondLst>
                  <p:endCondLst>
                    <p:cond evt="onNext" delay="0">
                      <p:tgtEl>
                        <p:sldTgt/>
                      </p:tgtEl>
                    </p:cond>
                    <p:cond evt="onPrev" delay="0">
                      <p:tgtEl>
                        <p:sldTgt/>
                      </p:tgtEl>
                    </p:cond>
                  </p:endCondLst>
                </p:cTn>
                <p:tgtEl>
                  <p:spTgt spid="3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1" name="Rectangle 3"/>
          <p:cNvSpPr>
            <a:spLocks noChangeArrowheads="1"/>
          </p:cNvSpPr>
          <p:nvPr/>
        </p:nvSpPr>
        <p:spPr bwMode="auto">
          <a:xfrm>
            <a:off x="1067594" y="63991"/>
            <a:ext cx="9343550" cy="567365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101901" tIns="50950" rIns="101901" bIns="50950" numCol="1" anchor="ctr" anchorCtr="0" compatLnSpc="1">
            <a:prstTxWarp prst="textNoShape">
              <a:avLst/>
            </a:prstTxWarp>
            <a:spAutoFit/>
          </a:bodyPr>
          <a:lstStyle/>
          <a:p>
            <a:pPr indent="40690" algn="just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endParaRPr lang="en-US" sz="2000" b="1" dirty="0" smtClean="0">
              <a:latin typeface="Times New Roman" pitchFamily="18" charset="0"/>
              <a:ea typeface="Times New Roman" pitchFamily="18" charset="0"/>
              <a:cs typeface="Times New Roman" pitchFamily="18" charset="0"/>
            </a:endParaRPr>
          </a:p>
          <a:p>
            <a:pPr indent="40690" algn="ctr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kumimoji="0" lang="en-US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ỤC</a:t>
            </a:r>
            <a:r>
              <a:rPr kumimoji="0" lang="en-US" b="1" i="0" u="none" strike="noStrike" cap="none" normalizeH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TIÊU</a:t>
            </a:r>
          </a:p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b="1" baseline="0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*</a:t>
            </a:r>
            <a:r>
              <a:rPr lang="en-US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Sau</a:t>
            </a:r>
            <a:r>
              <a:rPr lang="en-US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hi</a:t>
            </a:r>
            <a:r>
              <a:rPr lang="en-US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ọc</a:t>
            </a:r>
            <a:r>
              <a:rPr lang="en-US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xong</a:t>
            </a:r>
            <a:r>
              <a:rPr lang="en-US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ài</a:t>
            </a:r>
            <a:r>
              <a:rPr lang="en-US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ẻ</a:t>
            </a:r>
            <a:r>
              <a:rPr lang="en-US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ó</a:t>
            </a:r>
            <a:r>
              <a:rPr lang="en-US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ược</a:t>
            </a:r>
            <a:r>
              <a:rPr lang="en-US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:</a:t>
            </a:r>
            <a:endParaRPr kumimoji="0" lang="en-US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Times New Roman" pitchFamily="18" charset="0"/>
              <a:ea typeface="Times New Roman" pitchFamily="18" charset="0"/>
              <a:cs typeface="Times New Roman" pitchFamily="18" charset="0"/>
            </a:endParaRPr>
          </a:p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kumimoji="0" lang="en-US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1. </a:t>
            </a:r>
            <a:r>
              <a:rPr kumimoji="0" lang="en-US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iến</a:t>
            </a:r>
            <a:r>
              <a:rPr kumimoji="0" lang="en-US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ức</a:t>
            </a:r>
            <a:r>
              <a:rPr kumimoji="0" lang="en-US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:</a:t>
            </a:r>
            <a:endParaRPr kumimoji="0" lang="en-US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indent="40690" defTabSz="1019007" eaLnBrk="0" fontAlgn="base" hangingPunct="0">
              <a:spcBef>
                <a:spcPct val="0"/>
              </a:spcBef>
              <a:spcAft>
                <a:spcPct val="0"/>
              </a:spcAft>
              <a:buFontTx/>
              <a:buChar char="-"/>
              <a:tabLst>
                <a:tab pos="1493129" algn="l"/>
                <a:tab pos="2098164" algn="l"/>
              </a:tabLst>
            </a:pP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ẻ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hớ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ê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uyệ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“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Sự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íc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ây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ú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sữa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”, </a:t>
            </a:r>
            <a:r>
              <a:rPr lang="en-US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iế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ác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hâ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ậ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o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uyệ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.</a:t>
            </a:r>
            <a:endParaRPr lang="en-US" dirty="0" smtClean="0">
              <a:latin typeface="Times New Roman" pitchFamily="18" charset="0"/>
              <a:ea typeface="Times New Roman" pitchFamily="18" charset="0"/>
              <a:cs typeface="Times New Roman" pitchFamily="18" charset="0"/>
            </a:endParaRPr>
          </a:p>
          <a:p>
            <a:pPr indent="40690" defTabSz="1019007" eaLnBrk="0" fontAlgn="base" hangingPunct="0">
              <a:spcBef>
                <a:spcPct val="0"/>
              </a:spcBef>
              <a:spcAft>
                <a:spcPct val="0"/>
              </a:spcAft>
              <a:buFontTx/>
              <a:buChar char="-"/>
              <a:tabLst>
                <a:tab pos="1493129" algn="l"/>
                <a:tab pos="2098164" algn="l"/>
              </a:tabLst>
            </a:pP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ẻ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hớ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ộ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dung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âu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uyệ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: “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ể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ề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ộ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ạ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hỏ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hô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iế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ghe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ờ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,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ị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ắ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ậu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é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ỏ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,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h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ậu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ở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ề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ì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ã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ấ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à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iế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àn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ây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o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quả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go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gọ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hư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dò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sữa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ủa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..Qua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âu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uyệ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giả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íc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ề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guồ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gốc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ủa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ây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ú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sữa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hư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ê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ế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à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ca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gợ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ìn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iê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iê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,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âu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uyệ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uố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hắ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hủ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ớ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ú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a</a:t>
            </a:r>
            <a:r>
              <a:rPr lang="en-US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rằ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ãy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iế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yêu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ươ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ín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ọ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ừ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ao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giờ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ể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phả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uồ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”.</a:t>
            </a:r>
            <a:endParaRPr kumimoji="0" lang="en-US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indent="40690" defTabSz="1019007" eaLnBrk="0" fontAlgn="base" hangingPunct="0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kumimoji="0" lang="en-US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2. </a:t>
            </a:r>
            <a:r>
              <a:rPr kumimoji="0" lang="en-US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ỹ</a:t>
            </a:r>
            <a:r>
              <a:rPr kumimoji="0" lang="en-US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ăng</a:t>
            </a:r>
            <a:r>
              <a:rPr kumimoji="0" lang="en-US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:</a:t>
            </a:r>
            <a:endParaRPr kumimoji="0" lang="en-US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indent="40690" defTabSz="1019007" eaLnBrk="0" fontAlgn="base" hangingPunct="0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kumimoji="0" lang="en-US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-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ẻ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ả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ờ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âu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ỏ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to,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rõ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rà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,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ạc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ạc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.</a:t>
            </a:r>
            <a:endParaRPr kumimoji="0" lang="en-US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indent="40690" defTabSz="1019007" eaLnBrk="0" fontAlgn="base" hangingPunct="0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-</a:t>
            </a:r>
            <a:r>
              <a:rPr kumimoji="0" lang="en-US" b="0" i="0" u="none" strike="noStrike" cap="none" normalizeH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ẻ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iế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án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giá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hâ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ậ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o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uyệ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: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gườ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yêu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ươ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con;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ậu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é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ì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ham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ơ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ưa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iế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ghe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ờ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.</a:t>
            </a:r>
            <a:endParaRPr kumimoji="0" lang="en-US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indent="40690" defTabSz="1019007" eaLnBrk="0" fontAlgn="base" hangingPunct="0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-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Phá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iể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hả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ă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ú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ý,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gh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hớ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ó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ủ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ịn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.</a:t>
            </a:r>
            <a:endParaRPr kumimoji="0" lang="en-US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indent="40690" defTabSz="1019007" eaLnBrk="0" fontAlgn="base" hangingPunct="0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kumimoji="0" lang="en-US" b="0" i="0" u="none" strike="noStrike" cap="none" normalizeH="0" baseline="0" dirty="0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-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ó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ă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àn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ạo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h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am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gia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ơ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ò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ơi</a:t>
            </a:r>
            <a:endParaRPr kumimoji="0" lang="en-US" b="0" i="0" u="none" strike="noStrike" cap="none" normalizeH="0" baseline="0" dirty="0" smtClean="0">
              <a:ln>
                <a:noFill/>
              </a:ln>
              <a:effectLst/>
              <a:latin typeface="Arial" pitchFamily="34" charset="0"/>
              <a:cs typeface="Arial" pitchFamily="34" charset="0"/>
            </a:endParaRPr>
          </a:p>
          <a:p>
            <a:pPr indent="40690" defTabSz="1019007" eaLnBrk="0" fontAlgn="base" hangingPunct="0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kumimoji="0" lang="en-US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3. </a:t>
            </a:r>
            <a:r>
              <a:rPr kumimoji="0" lang="en-US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ái</a:t>
            </a:r>
            <a:r>
              <a:rPr kumimoji="0" lang="en-US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ộ</a:t>
            </a:r>
            <a:r>
              <a:rPr kumimoji="0" lang="en-US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:</a:t>
            </a:r>
            <a:endParaRPr kumimoji="0" lang="en-US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indent="40690" defTabSz="1019007" eaLnBrk="0" fontAlgn="base" hangingPunct="0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-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ẻ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goa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,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ứ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ú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,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íc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ực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am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gia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ào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oạ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ộ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.</a:t>
            </a:r>
            <a:endParaRPr kumimoji="0" lang="en-US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indent="40690" defTabSz="1019007" eaLnBrk="0" fontAlgn="base" hangingPunct="0">
              <a:spcBef>
                <a:spcPct val="0"/>
              </a:spcBef>
              <a:spcAft>
                <a:spcPct val="0"/>
              </a:spcAft>
              <a:buFontTx/>
              <a:buChar char="-"/>
              <a:tabLst>
                <a:tab pos="1493129" algn="l"/>
                <a:tab pos="2098164" algn="l"/>
              </a:tabLst>
            </a:pP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Giáo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dục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ẻ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biết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yêu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ươ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ín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ọng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ãy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uô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goa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goãn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ọc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giỏ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ể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ẹ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ui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à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ự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ào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       </a:t>
            </a:r>
          </a:p>
          <a:p>
            <a:pPr indent="40690" defTabSz="1019007" eaLnBrk="0" fontAlgn="base" hangingPunct="0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ề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ình</a:t>
            </a:r>
            <a:r>
              <a:rPr kumimoji="0" lang="en-US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.</a:t>
            </a:r>
            <a:endParaRPr kumimoji="0" lang="en-US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pic>
        <p:nvPicPr>
          <p:cNvPr id="3" name="Picture 6" descr="5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227806" y="4572794"/>
            <a:ext cx="1297069" cy="25927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" name="Picture 7" descr="5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0800000">
            <a:off x="9783375" y="-151606"/>
            <a:ext cx="1342619" cy="219364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19"/>
          <p:cNvGrpSpPr>
            <a:grpSpLocks/>
          </p:cNvGrpSpPr>
          <p:nvPr/>
        </p:nvGrpSpPr>
        <p:grpSpPr bwMode="auto">
          <a:xfrm flipH="1" flipV="1">
            <a:off x="153194" y="34599"/>
            <a:ext cx="1025321" cy="2023595"/>
            <a:chOff x="4368" y="2880"/>
            <a:chExt cx="1200" cy="1289"/>
          </a:xfrm>
        </p:grpSpPr>
        <p:sp>
          <p:nvSpPr>
            <p:cNvPr id="6" name="Freeform 20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7" name="Freeform 21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8" name="Freeform 22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9" name="Freeform 23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0" name="Freeform 24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1" name="Freeform 25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2" name="Freeform 26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13" name="Group 27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14" name="Picture 2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5" name="Picture 2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6" name="Picture 3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7" name="Picture 3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8" name="Picture 3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9" name="Picture 3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" name="Picture 3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1" name="Picture 35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2" name="Picture 3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grpSp>
        <p:nvGrpSpPr>
          <p:cNvPr id="23" name="Group 37"/>
          <p:cNvGrpSpPr>
            <a:grpSpLocks/>
          </p:cNvGrpSpPr>
          <p:nvPr/>
        </p:nvGrpSpPr>
        <p:grpSpPr bwMode="auto">
          <a:xfrm rot="10800000" flipH="1" flipV="1">
            <a:off x="9949067" y="4763722"/>
            <a:ext cx="1025321" cy="2095866"/>
            <a:chOff x="4368" y="2880"/>
            <a:chExt cx="1200" cy="1289"/>
          </a:xfrm>
        </p:grpSpPr>
        <p:sp>
          <p:nvSpPr>
            <p:cNvPr id="24" name="Freeform 38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5" name="Freeform 39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6" name="Freeform 40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7" name="Freeform 41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8" name="Freeform 42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9" name="Freeform 43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30" name="Freeform 44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31" name="Group 45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32" name="Picture 4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3" name="Picture 47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4" name="Picture 4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5" name="Picture 4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6" name="Picture 5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7" name="Picture 5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8" name="Picture 5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9" name="Picture 5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40" name="Picture 5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pic>
        <p:nvPicPr>
          <p:cNvPr id="41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1713933" y="5476878"/>
            <a:ext cx="722712" cy="20812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2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3788302" y="5518991"/>
            <a:ext cx="722712" cy="20812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3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5660689" y="5511428"/>
            <a:ext cx="722712" cy="20812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4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7649423" y="5452424"/>
            <a:ext cx="722712" cy="20812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5" name="Picture 6" descr="5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4553533"/>
            <a:ext cx="1297069" cy="25927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6" name="Picture 7" descr="5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0800000">
            <a:off x="10011181" y="-170867"/>
            <a:ext cx="1342619" cy="219364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47" name="Group 19"/>
          <p:cNvGrpSpPr>
            <a:grpSpLocks/>
          </p:cNvGrpSpPr>
          <p:nvPr/>
        </p:nvGrpSpPr>
        <p:grpSpPr bwMode="auto">
          <a:xfrm flipH="1" flipV="1">
            <a:off x="381000" y="15338"/>
            <a:ext cx="1025321" cy="2023595"/>
            <a:chOff x="4368" y="2880"/>
            <a:chExt cx="1200" cy="1289"/>
          </a:xfrm>
        </p:grpSpPr>
        <p:sp>
          <p:nvSpPr>
            <p:cNvPr id="48" name="Freeform 20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49" name="Freeform 21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50" name="Freeform 22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51" name="Freeform 23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52" name="Freeform 24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53" name="Freeform 25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54" name="Freeform 26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55" name="Group 27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56" name="Picture 2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57" name="Picture 2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58" name="Picture 3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59" name="Picture 3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60" name="Picture 3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61" name="Picture 3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62" name="Picture 3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63" name="Picture 35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64" name="Picture 3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pic>
        <p:nvPicPr>
          <p:cNvPr id="65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1941739" y="5457617"/>
            <a:ext cx="722712" cy="20812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6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3788302" y="5457617"/>
            <a:ext cx="722712" cy="20812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7" name="Picture 6" descr="5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4492159"/>
            <a:ext cx="1297069" cy="25927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8" name="Picture 7" descr="5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0800000">
            <a:off x="10011181" y="-232241"/>
            <a:ext cx="1342619" cy="219364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69" name="Group 19"/>
          <p:cNvGrpSpPr>
            <a:grpSpLocks/>
          </p:cNvGrpSpPr>
          <p:nvPr/>
        </p:nvGrpSpPr>
        <p:grpSpPr bwMode="auto">
          <a:xfrm flipH="1" flipV="1">
            <a:off x="381000" y="-46036"/>
            <a:ext cx="1025321" cy="2023595"/>
            <a:chOff x="4368" y="2880"/>
            <a:chExt cx="1200" cy="1289"/>
          </a:xfrm>
        </p:grpSpPr>
        <p:sp>
          <p:nvSpPr>
            <p:cNvPr id="70" name="Freeform 20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71" name="Freeform 21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72" name="Freeform 22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73" name="Freeform 23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74" name="Freeform 24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75" name="Freeform 25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76" name="Freeform 26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77" name="Group 27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78" name="Picture 2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79" name="Picture 2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80" name="Picture 3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81" name="Picture 3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82" name="Picture 3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83" name="Picture 3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84" name="Picture 3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85" name="Picture 35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86" name="Picture 3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pic>
        <p:nvPicPr>
          <p:cNvPr id="87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1941739" y="5396243"/>
            <a:ext cx="722712" cy="20812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8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5660689" y="5516621"/>
            <a:ext cx="722712" cy="20812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9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7649423" y="5457617"/>
            <a:ext cx="722712" cy="20812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0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3788302" y="5462810"/>
            <a:ext cx="722712" cy="20812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1" name="Picture 6" descr="5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4497352"/>
            <a:ext cx="1297069" cy="25927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2" name="Picture 7" descr="5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0800000">
            <a:off x="10011181" y="-227048"/>
            <a:ext cx="1342619" cy="219364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3" name="Group 19"/>
          <p:cNvGrpSpPr>
            <a:grpSpLocks/>
          </p:cNvGrpSpPr>
          <p:nvPr/>
        </p:nvGrpSpPr>
        <p:grpSpPr bwMode="auto">
          <a:xfrm flipH="1" flipV="1">
            <a:off x="381000" y="-40843"/>
            <a:ext cx="1025321" cy="2023595"/>
            <a:chOff x="4368" y="2880"/>
            <a:chExt cx="1200" cy="1289"/>
          </a:xfrm>
        </p:grpSpPr>
        <p:sp>
          <p:nvSpPr>
            <p:cNvPr id="94" name="Freeform 20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95" name="Freeform 21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96" name="Freeform 22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97" name="Freeform 23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98" name="Freeform 24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99" name="Freeform 25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00" name="Freeform 26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101" name="Group 27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102" name="Picture 2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03" name="Picture 2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04" name="Picture 3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05" name="Picture 3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06" name="Picture 3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07" name="Picture 3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08" name="Picture 3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09" name="Picture 35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10" name="Picture 3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pic>
        <p:nvPicPr>
          <p:cNvPr id="111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1941739" y="5401436"/>
            <a:ext cx="722712" cy="20812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36000" y="556201"/>
            <a:ext cx="11010388" cy="6834033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1239874" y="3061045"/>
            <a:ext cx="849694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dirty="0"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E-Learning Authoring Supercharger</a:t>
            </a:r>
          </a:p>
        </p:txBody>
      </p:sp>
      <p:sp>
        <p:nvSpPr>
          <p:cNvPr id="10" name="Title 4"/>
          <p:cNvSpPr txBox="1">
            <a:spLocks/>
          </p:cNvSpPr>
          <p:nvPr/>
        </p:nvSpPr>
        <p:spPr>
          <a:xfrm>
            <a:off x="1373546" y="1903532"/>
            <a:ext cx="8229600" cy="1143000"/>
          </a:xfrm>
          <a:prstGeom prst="rect">
            <a:avLst/>
          </a:prstGeom>
        </p:spPr>
        <p:txBody>
          <a:bodyPr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5400" dirty="0"/>
              <a:t>iSpring </a:t>
            </a:r>
            <a:r>
              <a:rPr lang="en-US" sz="5400" dirty="0">
                <a:latin typeface="Segoe UI Semibold" panose="020B0702040204020203" pitchFamily="34" charset="0"/>
                <a:cs typeface="Segoe UI Semibold" panose="020B0702040204020203" pitchFamily="34" charset="0"/>
              </a:rPr>
              <a:t>Suite 8</a:t>
            </a:r>
            <a:endParaRPr lang="ru-RU" sz="5400" dirty="0"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</p:spTree>
    <p:extLst>
      <p:ext uri="{BB962C8B-B14F-4D97-AF65-F5344CB8AC3E}">
        <p14:creationId xmlns="" xmlns:p14="http://schemas.microsoft.com/office/powerpoint/2010/main" val="2434243569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med" p14:dur="700" advTm="5000">
        <p:fade/>
      </p:transition>
    </mc:Choice>
    <mc:Fallback>
      <p:transition spd="med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1"/>
          <p:cNvSpPr/>
          <p:nvPr/>
        </p:nvSpPr>
        <p:spPr>
          <a:xfrm>
            <a:off x="1205042" y="5374012"/>
            <a:ext cx="8404026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>
              <a:lnSpc>
                <a:spcPct val="15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Open an existing PowerPoint presentation or create a new one</a:t>
            </a:r>
          </a:p>
          <a:p>
            <a:pPr marL="285750" indent="-285750">
              <a:lnSpc>
                <a:spcPct val="15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To start, switch to the iSpring Suite</a:t>
            </a:r>
            <a:r>
              <a:rPr lang="ru-RU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 </a:t>
            </a: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8</a:t>
            </a:r>
            <a:r>
              <a:rPr lang="ru-RU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 </a:t>
            </a: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tab </a:t>
            </a:r>
            <a:endParaRPr lang="ru-RU" sz="1600" dirty="0">
              <a:solidFill>
                <a:schemeClr val="tx1">
                  <a:lumMod val="75000"/>
                  <a:lumOff val="25000"/>
                </a:schemeClr>
              </a:solidFill>
              <a:cs typeface="Segoe UI Semibold" panose="020B0702040204020203" pitchFamily="34" charset="0"/>
            </a:endParaRPr>
          </a:p>
        </p:txBody>
      </p:sp>
      <p:sp>
        <p:nvSpPr>
          <p:cNvPr id="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Getting Started</a:t>
            </a:r>
            <a:endParaRPr lang="ru-RU" dirty="0"/>
          </a:p>
        </p:txBody>
      </p:sp>
      <p:sp>
        <p:nvSpPr>
          <p:cNvPr id="5" name="Text Placeholder 10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1</a:t>
            </a:r>
            <a:endParaRPr lang="ru-RU" dirty="0"/>
          </a:p>
        </p:txBody>
      </p:sp>
      <p:sp>
        <p:nvSpPr>
          <p:cNvPr id="11" name="Rounded Rectangle 10"/>
          <p:cNvSpPr/>
          <p:nvPr/>
        </p:nvSpPr>
        <p:spPr>
          <a:xfrm>
            <a:off x="7421764" y="2375229"/>
            <a:ext cx="432048" cy="241672"/>
          </a:xfrm>
          <a:prstGeom prst="roundRect">
            <a:avLst/>
          </a:prstGeom>
          <a:solidFill>
            <a:srgbClr val="FFFFFF">
              <a:alpha val="85098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4" name="TextBox 3"/>
          <p:cNvSpPr txBox="1"/>
          <p:nvPr/>
        </p:nvSpPr>
        <p:spPr>
          <a:xfrm>
            <a:off x="1742778" y="1773612"/>
            <a:ext cx="5379690" cy="43088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2200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iSpring</a:t>
            </a:r>
            <a:r>
              <a:rPr lang="en-US" sz="22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 Suite 8 is a PowerPoint Add-In</a:t>
            </a:r>
            <a:endParaRPr lang="ru-RU" sz="2200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7044" y="2484512"/>
            <a:ext cx="10020300" cy="2457450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83338" y="1982796"/>
            <a:ext cx="1043040" cy="634107"/>
          </a:xfrm>
          <a:prstGeom prst="rect">
            <a:avLst/>
          </a:prstGeom>
        </p:spPr>
      </p:pic>
    </p:spTree>
    <p:extLst>
      <p:ext uri="{BB962C8B-B14F-4D97-AF65-F5344CB8AC3E}">
        <p14:creationId xmlns="" xmlns:p14="http://schemas.microsoft.com/office/powerpoint/2010/main" val="812067739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med" p14:dur="700" advTm="10000">
        <p:fade/>
      </p:transition>
    </mc:Choice>
    <mc:Fallback>
      <p:transition spd="med" advTm="10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Box 7"/>
          <p:cNvSpPr txBox="1"/>
          <p:nvPr/>
        </p:nvSpPr>
        <p:spPr>
          <a:xfrm>
            <a:off x="1198139" y="2695404"/>
            <a:ext cx="2027237" cy="1015663"/>
          </a:xfrm>
          <a:prstGeom prst="rect">
            <a:avLst/>
          </a:prstGeom>
          <a:solidFill>
            <a:srgbClr val="B3294C">
              <a:alpha val="83137"/>
            </a:srgbClr>
          </a:solidFill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endParaRPr lang="en-US" sz="2000" dirty="0"/>
          </a:p>
          <a:p>
            <a:pPr>
              <a:lnSpc>
                <a:spcPct val="150000"/>
              </a:lnSpc>
            </a:pPr>
            <a:endParaRPr lang="en-US" sz="2000" dirty="0"/>
          </a:p>
        </p:txBody>
      </p:sp>
      <p:sp>
        <p:nvSpPr>
          <p:cNvPr id="49" name="Title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reate Your Course in PowerPoint</a:t>
            </a:r>
            <a:endParaRPr lang="en-US" dirty="0"/>
          </a:p>
        </p:txBody>
      </p:sp>
      <p:sp>
        <p:nvSpPr>
          <p:cNvPr id="52" name="slide number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2</a:t>
            </a:r>
            <a:endParaRPr lang="en-US" dirty="0"/>
          </a:p>
        </p:txBody>
      </p:sp>
      <p:sp>
        <p:nvSpPr>
          <p:cNvPr id="22" name="subtitle"/>
          <p:cNvSpPr txBox="1"/>
          <p:nvPr/>
        </p:nvSpPr>
        <p:spPr>
          <a:xfrm>
            <a:off x="734666" y="1557586"/>
            <a:ext cx="914501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err="1"/>
              <a:t>iSpring</a:t>
            </a:r>
            <a:r>
              <a:rPr lang="ru-RU" dirty="0"/>
              <a:t> </a:t>
            </a:r>
            <a:r>
              <a:rPr lang="en-US" dirty="0"/>
              <a:t>Suite</a:t>
            </a:r>
            <a:r>
              <a:rPr lang="ru-RU" dirty="0"/>
              <a:t> </a:t>
            </a:r>
            <a:r>
              <a:rPr lang="en-US" dirty="0"/>
              <a:t>8</a:t>
            </a:r>
            <a:r>
              <a:rPr lang="ru-RU" dirty="0"/>
              <a:t> </a:t>
            </a:r>
            <a:r>
              <a:rPr lang="en-US" dirty="0"/>
              <a:t>accurately preserves virtually all PowerPoint elements:</a:t>
            </a:r>
          </a:p>
        </p:txBody>
      </p:sp>
      <p:sp>
        <p:nvSpPr>
          <p:cNvPr id="18" name="border"/>
          <p:cNvSpPr/>
          <p:nvPr>
            <p:custDataLst>
              <p:tags r:id="rId1"/>
            </p:custDataLst>
          </p:nvPr>
        </p:nvSpPr>
        <p:spPr bwMode="auto">
          <a:xfrm flipH="1">
            <a:off x="518642" y="2116086"/>
            <a:ext cx="9937104" cy="4392488"/>
          </a:xfrm>
          <a:prstGeom prst="roundRect">
            <a:avLst>
              <a:gd name="adj" fmla="val 3595"/>
            </a:avLst>
          </a:prstGeom>
          <a:noFill/>
          <a:ln w="28575">
            <a:solidFill>
              <a:schemeClr val="bg1">
                <a:lumMod val="9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ru-RU"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pic>
        <p:nvPicPr>
          <p:cNvPr id="20" name="Pictures" descr="Fotolia_503717_XS.jpg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25" cstate="print"/>
          <a:stretch>
            <a:fillRect/>
          </a:stretch>
        </p:blipFill>
        <p:spPr bwMode="auto">
          <a:xfrm rot="21143692">
            <a:off x="5928083" y="2661622"/>
            <a:ext cx="1499566" cy="1074098"/>
          </a:xfrm>
          <a:prstGeom prst="rect">
            <a:avLst/>
          </a:prstGeom>
          <a:solidFill>
            <a:srgbClr val="FFFFFF">
              <a:shade val="85000"/>
            </a:srgbClr>
          </a:solidFill>
          <a:ln w="76200" cap="rnd">
            <a:solidFill>
              <a:schemeClr val="bg1"/>
            </a:solidFill>
          </a:ln>
          <a:effectLst/>
          <a:scene3d>
            <a:camera prst="orthographicFront"/>
            <a:lightRig rig="twoPt" dir="t">
              <a:rot lat="0" lon="0" rev="7800000"/>
            </a:lightRig>
          </a:scene3d>
          <a:sp3d contourW="6350">
            <a:contourClr>
              <a:srgbClr val="C0C0C0"/>
            </a:contourClr>
          </a:sp3d>
        </p:spPr>
      </p:pic>
      <p:sp>
        <p:nvSpPr>
          <p:cNvPr id="25" name="Text Animations"/>
          <p:cNvSpPr txBox="1"/>
          <p:nvPr/>
        </p:nvSpPr>
        <p:spPr>
          <a:xfrm>
            <a:off x="1357975" y="5734051"/>
            <a:ext cx="15803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Animation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26" name="Text Fonts &amp; Styles"/>
          <p:cNvSpPr txBox="1"/>
          <p:nvPr/>
        </p:nvSpPr>
        <p:spPr>
          <a:xfrm>
            <a:off x="1117714" y="3855296"/>
            <a:ext cx="206086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Fonts &amp; Style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27" name="Text Shapes"/>
          <p:cNvSpPr txBox="1"/>
          <p:nvPr/>
        </p:nvSpPr>
        <p:spPr>
          <a:xfrm>
            <a:off x="3817848" y="3855296"/>
            <a:ext cx="15803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Shape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28" name="Text Pictures"/>
          <p:cNvSpPr txBox="1"/>
          <p:nvPr/>
        </p:nvSpPr>
        <p:spPr>
          <a:xfrm>
            <a:off x="5965082" y="3855296"/>
            <a:ext cx="15803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Picture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29" name="Text Audio &amp; Video"/>
          <p:cNvSpPr txBox="1"/>
          <p:nvPr/>
        </p:nvSpPr>
        <p:spPr>
          <a:xfrm>
            <a:off x="8057164" y="3851422"/>
            <a:ext cx="206086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Audio &amp; Video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30" name="Text Triggers"/>
          <p:cNvSpPr txBox="1"/>
          <p:nvPr/>
        </p:nvSpPr>
        <p:spPr>
          <a:xfrm>
            <a:off x="3817848" y="5734051"/>
            <a:ext cx="15803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Trigger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pic>
        <p:nvPicPr>
          <p:cNvPr id="31" name="Triggers"/>
          <p:cNvPicPr>
            <a:picLocks noChangeAspect="1"/>
          </p:cNvPicPr>
          <p:nvPr/>
        </p:nvPicPr>
        <p:blipFill>
          <a:blip r:embed="rId26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99616" y="4635350"/>
            <a:ext cx="797695" cy="989142"/>
          </a:xfrm>
          <a:prstGeom prst="rect">
            <a:avLst/>
          </a:prstGeom>
        </p:spPr>
      </p:pic>
      <p:sp>
        <p:nvSpPr>
          <p:cNvPr id="32" name="Text Transitions"/>
          <p:cNvSpPr txBox="1"/>
          <p:nvPr/>
        </p:nvSpPr>
        <p:spPr>
          <a:xfrm>
            <a:off x="7863458" y="5734051"/>
            <a:ext cx="244827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Transition Effect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grpSp>
        <p:nvGrpSpPr>
          <p:cNvPr id="33" name="Transition Effects"/>
          <p:cNvGrpSpPr/>
          <p:nvPr/>
        </p:nvGrpSpPr>
        <p:grpSpPr>
          <a:xfrm>
            <a:off x="8409162" y="4635174"/>
            <a:ext cx="1326504" cy="954861"/>
            <a:chOff x="8409162" y="4520248"/>
            <a:chExt cx="1326504" cy="1069786"/>
          </a:xfrm>
        </p:grpSpPr>
        <p:sp>
          <p:nvSpPr>
            <p:cNvPr id="34" name="strip"/>
            <p:cNvSpPr/>
            <p:nvPr>
              <p:custDataLst>
                <p:tags r:id="rId15"/>
              </p:custDataLst>
            </p:nvPr>
          </p:nvSpPr>
          <p:spPr>
            <a:xfrm>
              <a:off x="8409162" y="4520248"/>
              <a:ext cx="181655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35" name="strip"/>
            <p:cNvSpPr/>
            <p:nvPr>
              <p:custDataLst>
                <p:tags r:id="rId16"/>
              </p:custDataLst>
            </p:nvPr>
          </p:nvSpPr>
          <p:spPr>
            <a:xfrm>
              <a:off x="8575281" y="4520248"/>
              <a:ext cx="181655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  <a:alpha val="6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36" name="strip"/>
            <p:cNvSpPr/>
            <p:nvPr>
              <p:custDataLst>
                <p:tags r:id="rId17"/>
              </p:custDataLst>
            </p:nvPr>
          </p:nvSpPr>
          <p:spPr>
            <a:xfrm>
              <a:off x="8749657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37" name="strip"/>
            <p:cNvSpPr/>
            <p:nvPr>
              <p:custDataLst>
                <p:tags r:id="rId18"/>
              </p:custDataLst>
            </p:nvPr>
          </p:nvSpPr>
          <p:spPr>
            <a:xfrm>
              <a:off x="8915776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  <a:alpha val="88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38" name="strip"/>
            <p:cNvSpPr/>
            <p:nvPr>
              <p:custDataLst>
                <p:tags r:id="rId19"/>
              </p:custDataLst>
            </p:nvPr>
          </p:nvSpPr>
          <p:spPr>
            <a:xfrm>
              <a:off x="9081895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39" name="strip"/>
            <p:cNvSpPr/>
            <p:nvPr>
              <p:custDataLst>
                <p:tags r:id="rId20"/>
              </p:custDataLst>
            </p:nvPr>
          </p:nvSpPr>
          <p:spPr>
            <a:xfrm>
              <a:off x="9248014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  <a:alpha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40" name="strip"/>
            <p:cNvSpPr/>
            <p:nvPr>
              <p:custDataLst>
                <p:tags r:id="rId21"/>
              </p:custDataLst>
            </p:nvPr>
          </p:nvSpPr>
          <p:spPr>
            <a:xfrm>
              <a:off x="9404405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41" name="strip1"/>
            <p:cNvSpPr/>
            <p:nvPr>
              <p:custDataLst>
                <p:tags r:id="rId22"/>
              </p:custDataLst>
            </p:nvPr>
          </p:nvSpPr>
          <p:spPr>
            <a:xfrm>
              <a:off x="9570525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  <a:alpha val="91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</p:grpSp>
      <p:sp>
        <p:nvSpPr>
          <p:cNvPr id="42" name="Text Hyperlinks"/>
          <p:cNvSpPr txBox="1"/>
          <p:nvPr/>
        </p:nvSpPr>
        <p:spPr>
          <a:xfrm>
            <a:off x="5933645" y="5734051"/>
            <a:ext cx="15803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Hyperlink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19" name="shapes star"/>
          <p:cNvSpPr/>
          <p:nvPr>
            <p:custDataLst>
              <p:tags r:id="rId3"/>
            </p:custDataLst>
          </p:nvPr>
        </p:nvSpPr>
        <p:spPr bwMode="auto">
          <a:xfrm>
            <a:off x="4152381" y="2676473"/>
            <a:ext cx="1005871" cy="1005871"/>
          </a:xfrm>
          <a:prstGeom prst="star7">
            <a:avLst>
              <a:gd name="adj" fmla="val 34805"/>
              <a:gd name="hf" fmla="val 102572"/>
              <a:gd name="vf" fmla="val 105210"/>
            </a:avLst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lvl="0" algn="ctr"/>
            <a:endParaRPr lang="en-US" b="1" dirty="0"/>
          </a:p>
        </p:txBody>
      </p:sp>
      <p:sp>
        <p:nvSpPr>
          <p:cNvPr id="45" name="shapes circle"/>
          <p:cNvSpPr/>
          <p:nvPr>
            <p:custDataLst>
              <p:tags r:id="rId4"/>
            </p:custDataLst>
          </p:nvPr>
        </p:nvSpPr>
        <p:spPr bwMode="auto">
          <a:xfrm>
            <a:off x="4115614" y="2660566"/>
            <a:ext cx="1081400" cy="10814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lvl="0" algn="ctr"/>
            <a:endParaRPr lang="en-US" b="1" dirty="0"/>
          </a:p>
        </p:txBody>
      </p:sp>
      <p:pic>
        <p:nvPicPr>
          <p:cNvPr id="46" name="Pictures"/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27" cstate="print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608968">
            <a:off x="5977979" y="2712131"/>
            <a:ext cx="1491673" cy="994448"/>
          </a:xfrm>
          <a:prstGeom prst="rect">
            <a:avLst/>
          </a:prstGeom>
          <a:solidFill>
            <a:srgbClr val="FFFFFF">
              <a:shade val="85000"/>
            </a:srgbClr>
          </a:solidFill>
          <a:ln w="76200" cap="rnd">
            <a:solidFill>
              <a:schemeClr val="bg1"/>
            </a:solidFill>
          </a:ln>
          <a:effectLst/>
          <a:scene3d>
            <a:camera prst="orthographicFront"/>
            <a:lightRig rig="twoPt" dir="t">
              <a:rot lat="0" lon="0" rev="7800000"/>
            </a:lightRig>
          </a:scene3d>
          <a:sp3d contourW="6350">
            <a:contourClr>
              <a:srgbClr val="C0C0C0"/>
            </a:contourClr>
          </a:sp3d>
        </p:spPr>
      </p:pic>
      <p:grpSp>
        <p:nvGrpSpPr>
          <p:cNvPr id="5" name="video"/>
          <p:cNvGrpSpPr/>
          <p:nvPr/>
        </p:nvGrpSpPr>
        <p:grpSpPr>
          <a:xfrm>
            <a:off x="8411791" y="2619359"/>
            <a:ext cx="1234777" cy="1095546"/>
            <a:chOff x="8151490" y="189434"/>
            <a:chExt cx="1234777" cy="1095546"/>
          </a:xfrm>
        </p:grpSpPr>
        <p:sp>
          <p:nvSpPr>
            <p:cNvPr id="4" name="Rectangle 3"/>
            <p:cNvSpPr/>
            <p:nvPr/>
          </p:nvSpPr>
          <p:spPr>
            <a:xfrm>
              <a:off x="8151490" y="189434"/>
              <a:ext cx="1095546" cy="1095546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23" name="Audio &amp; Video"/>
            <p:cNvPicPr>
              <a:picLocks noChangeAspect="1"/>
            </p:cNvPicPr>
            <p:nvPr/>
          </p:nvPicPr>
          <p:blipFill>
            <a:blip r:embed="rId28">
              <a:extLst>
                <a:ext uri="{28A0092B-C50C-407E-A947-70E740481C1C}">
                  <a14:useLocalDpi xmlns=""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8307224" y="271805"/>
              <a:ext cx="1079043" cy="926996"/>
            </a:xfrm>
            <a:prstGeom prst="rect">
              <a:avLst/>
            </a:prstGeom>
          </p:spPr>
        </p:pic>
      </p:grpSp>
      <p:sp>
        <p:nvSpPr>
          <p:cNvPr id="47" name="Animations"/>
          <p:cNvSpPr/>
          <p:nvPr>
            <p:custDataLst>
              <p:tags r:id="rId6"/>
            </p:custDataLst>
          </p:nvPr>
        </p:nvSpPr>
        <p:spPr>
          <a:xfrm>
            <a:off x="1613822" y="4512666"/>
            <a:ext cx="1110687" cy="1069786"/>
          </a:xfrm>
          <a:prstGeom prst="star5">
            <a:avLst/>
          </a:prstGeom>
          <a:solidFill>
            <a:srgbClr val="68A49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ru-RU" b="1" dirty="0">
              <a:solidFill>
                <a:srgbClr val="FFFFFF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grpSp>
        <p:nvGrpSpPr>
          <p:cNvPr id="48" name="Transition Effects"/>
          <p:cNvGrpSpPr/>
          <p:nvPr/>
        </p:nvGrpSpPr>
        <p:grpSpPr>
          <a:xfrm>
            <a:off x="8399046" y="4635350"/>
            <a:ext cx="1333647" cy="954861"/>
            <a:chOff x="8409162" y="4520248"/>
            <a:chExt cx="1333647" cy="1069786"/>
          </a:xfrm>
          <a:solidFill>
            <a:srgbClr val="F8AB6C"/>
          </a:solidFill>
        </p:grpSpPr>
        <p:sp>
          <p:nvSpPr>
            <p:cNvPr id="50" name="strip"/>
            <p:cNvSpPr/>
            <p:nvPr>
              <p:custDataLst>
                <p:tags r:id="rId7"/>
              </p:custDataLst>
            </p:nvPr>
          </p:nvSpPr>
          <p:spPr>
            <a:xfrm>
              <a:off x="8409162" y="4520248"/>
              <a:ext cx="181655" cy="1069786"/>
            </a:xfrm>
            <a:prstGeom prst="rect">
              <a:avLst/>
            </a:prstGeom>
            <a:solidFill>
              <a:srgbClr val="F8AB6C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1" name="strip"/>
            <p:cNvSpPr/>
            <p:nvPr>
              <p:custDataLst>
                <p:tags r:id="rId8"/>
              </p:custDataLst>
            </p:nvPr>
          </p:nvSpPr>
          <p:spPr>
            <a:xfrm>
              <a:off x="8575281" y="4520248"/>
              <a:ext cx="181655" cy="1069786"/>
            </a:xfrm>
            <a:prstGeom prst="rect">
              <a:avLst/>
            </a:prstGeom>
            <a:solidFill>
              <a:srgbClr val="F8AB6C">
                <a:alpha val="76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3" name="strip"/>
            <p:cNvSpPr/>
            <p:nvPr>
              <p:custDataLst>
                <p:tags r:id="rId9"/>
              </p:custDataLst>
            </p:nvPr>
          </p:nvSpPr>
          <p:spPr>
            <a:xfrm>
              <a:off x="8749657" y="4520248"/>
              <a:ext cx="165141" cy="1069786"/>
            </a:xfrm>
            <a:prstGeom prst="rect">
              <a:avLst/>
            </a:prstGeom>
            <a:solidFill>
              <a:srgbClr val="F8AB6C">
                <a:alpha val="98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4" name="strip"/>
            <p:cNvSpPr/>
            <p:nvPr>
              <p:custDataLst>
                <p:tags r:id="rId10"/>
              </p:custDataLst>
            </p:nvPr>
          </p:nvSpPr>
          <p:spPr>
            <a:xfrm>
              <a:off x="8899324" y="4520248"/>
              <a:ext cx="181593" cy="1069786"/>
            </a:xfrm>
            <a:prstGeom prst="rect">
              <a:avLst/>
            </a:prstGeom>
            <a:solidFill>
              <a:srgbClr val="F8AB6C">
                <a:alpha val="83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5" name="strip"/>
            <p:cNvSpPr/>
            <p:nvPr>
              <p:custDataLst>
                <p:tags r:id="rId11"/>
              </p:custDataLst>
            </p:nvPr>
          </p:nvSpPr>
          <p:spPr>
            <a:xfrm>
              <a:off x="9080299" y="4520248"/>
              <a:ext cx="177833" cy="1069786"/>
            </a:xfrm>
            <a:prstGeom prst="rect">
              <a:avLst/>
            </a:prstGeom>
            <a:solidFill>
              <a:srgbClr val="F8AB6C">
                <a:alpha val="61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6" name="strip"/>
            <p:cNvSpPr/>
            <p:nvPr>
              <p:custDataLst>
                <p:tags r:id="rId12"/>
              </p:custDataLst>
            </p:nvPr>
          </p:nvSpPr>
          <p:spPr>
            <a:xfrm>
              <a:off x="9248014" y="4520248"/>
              <a:ext cx="165141" cy="1069786"/>
            </a:xfrm>
            <a:prstGeom prst="rect">
              <a:avLst/>
            </a:prstGeom>
            <a:solidFill>
              <a:srgbClr val="F8AB6C">
                <a:alpha val="93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7" name="strip"/>
            <p:cNvSpPr/>
            <p:nvPr>
              <p:custDataLst>
                <p:tags r:id="rId13"/>
              </p:custDataLst>
            </p:nvPr>
          </p:nvSpPr>
          <p:spPr>
            <a:xfrm>
              <a:off x="9413929" y="4520248"/>
              <a:ext cx="165141" cy="1069786"/>
            </a:xfrm>
            <a:prstGeom prst="rect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8" name="strip1"/>
            <p:cNvSpPr/>
            <p:nvPr>
              <p:custDataLst>
                <p:tags r:id="rId14"/>
              </p:custDataLst>
            </p:nvPr>
          </p:nvSpPr>
          <p:spPr>
            <a:xfrm>
              <a:off x="9577668" y="4520248"/>
              <a:ext cx="165141" cy="1069786"/>
            </a:xfrm>
            <a:prstGeom prst="rect">
              <a:avLst/>
            </a:prstGeom>
            <a:solidFill>
              <a:srgbClr val="F8AB6C">
                <a:alpha val="70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</p:grpSp>
      <p:pic>
        <p:nvPicPr>
          <p:cNvPr id="6" name="globus"/>
          <p:cNvPicPr>
            <a:picLocks noChangeAspect="1"/>
          </p:cNvPicPr>
          <p:nvPr/>
        </p:nvPicPr>
        <p:blipFill>
          <a:blip r:embed="rId29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16568" y="4635351"/>
            <a:ext cx="926810" cy="921159"/>
          </a:xfrm>
          <a:prstGeom prst="rect">
            <a:avLst/>
          </a:prstGeom>
        </p:spPr>
      </p:pic>
      <p:pic>
        <p:nvPicPr>
          <p:cNvPr id="7" name="link"/>
          <p:cNvPicPr>
            <a:picLocks noChangeAspect="1"/>
          </p:cNvPicPr>
          <p:nvPr/>
        </p:nvPicPr>
        <p:blipFill>
          <a:blip r:embed="rId30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12730" y="5380711"/>
            <a:ext cx="602656" cy="235323"/>
          </a:xfrm>
          <a:prstGeom prst="rect">
            <a:avLst/>
          </a:prstGeom>
        </p:spPr>
      </p:pic>
      <p:sp>
        <p:nvSpPr>
          <p:cNvPr id="24" name="Fonts &amp; Styles"/>
          <p:cNvSpPr txBox="1"/>
          <p:nvPr/>
        </p:nvSpPr>
        <p:spPr>
          <a:xfrm>
            <a:off x="1204920" y="3184155"/>
            <a:ext cx="206086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2400" dirty="0">
                <a:solidFill>
                  <a:srgbClr val="F9EEED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Georgia" panose="02040502050405020303" pitchFamily="18" charset="0"/>
              </a:rPr>
              <a:t>Styles</a:t>
            </a:r>
            <a:endParaRPr lang="ru-RU" sz="2400" dirty="0">
              <a:solidFill>
                <a:srgbClr val="F9EEED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Georgia" panose="02040502050405020303" pitchFamily="18" charset="0"/>
            </a:endParaRPr>
          </a:p>
        </p:txBody>
      </p:sp>
      <p:sp>
        <p:nvSpPr>
          <p:cNvPr id="59" name="Fonts &amp; Styles"/>
          <p:cNvSpPr txBox="1"/>
          <p:nvPr/>
        </p:nvSpPr>
        <p:spPr>
          <a:xfrm>
            <a:off x="1204920" y="2745140"/>
            <a:ext cx="206086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2800" dirty="0">
                <a:solidFill>
                  <a:schemeClr val="accent2">
                    <a:lumMod val="20000"/>
                    <a:lumOff val="80000"/>
                  </a:schemeClr>
                </a:solidFill>
                <a:latin typeface="Arial Black" panose="020B0A04020102020204" pitchFamily="34" charset="0"/>
              </a:rPr>
              <a:t>Fonts &amp;</a:t>
            </a:r>
          </a:p>
        </p:txBody>
      </p:sp>
    </p:spTree>
    <p:extLst>
      <p:ext uri="{BB962C8B-B14F-4D97-AF65-F5344CB8AC3E}">
        <p14:creationId xmlns="" xmlns:p14="http://schemas.microsoft.com/office/powerpoint/2010/main" val="391320731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med" p14:dur="700" advTm="20000">
        <p:fade/>
      </p:transition>
    </mc:Choice>
    <mc:Fallback>
      <p:transition spd="med" advTm="20000">
        <p:fade/>
      </p:transition>
    </mc:Fallback>
  </mc:AlternateContent>
  <mc:AlternateContent xmlns:mc="http://schemas.openxmlformats.org/markup-compatibility/2006">
    <mc:Choice xmlns="" xmlns:p14="http://schemas.microsoft.com/office/powerpoint/2010/main" Requires="p14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34" presetClass="emph" presetSubtype="0" fill="hold" grpId="0" nodeType="afterEffect">
                                      <p:stCondLst>
                                        <p:cond delay="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0.0 0.0 L 0.0 -0.07213" pathEditMode="relative" ptsTypes="">
                                          <p:cBhvr>
                                            <p:cTn id="6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</p:animMotion>
                                        <p:animRot by="1500000">
                                          <p:cBhvr>
                                            <p:cTn id="7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8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9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10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1" fill="hold">
                                <p:stCondLst>
                                  <p:cond delay="450"/>
                                </p:stCondLst>
                                <p:childTnLst>
                                  <p:par>
                                    <p:cTn id="12" presetID="34" presetClass="emph" presetSubtype="0" fill="hold" grpId="0" nodeType="afterEffect">
                                      <p:stCondLst>
                                        <p:cond delay="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9.54585E-8 -3.84544E-6 L 9.54585E-8 -0.02846 " pathEditMode="relative" rAng="0" ptsTypes="AA">
                                          <p:cBhvr>
                                            <p:cTn id="13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  <p:rCtr x="0" y="-1435"/>
                                        </p:animMotion>
                                        <p:animRot by="1500000">
                                          <p:cBhvr>
                                            <p:cTn id="14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15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16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17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  <p:par>
                                    <p:cTn id="18" presetID="34" presetClass="emph" presetSubtype="0" fill="hold" grpId="0" nodeType="withEffect">
                                      <p:stCondLst>
                                        <p:cond delay="40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9.54585E-8 -3.84544E-6 L 9.54585E-8 -0.02846 " pathEditMode="relative" rAng="0" ptsTypes="AA">
                                          <p:cBhvr>
                                            <p:cTn id="19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  <p:rCtr x="0" y="-1435"/>
                                        </p:animMotion>
                                        <p:animRot by="1500000">
                                          <p:cBhvr>
                                            <p:cTn id="20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21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22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23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24" fill="hold">
                          <p:stCondLst>
                            <p:cond delay="indefinite"/>
                          </p:stCondLst>
                          <p:childTnLst>
                            <p:par>
                              <p:cTn id="25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26" presetID="6" presetClass="emph" presetSubtype="0" fill="hold" grpId="0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Scale>
                                          <p:cBhvr>
                                            <p:cTn id="27" dur="500" fill="hold"/>
                                            <p:tgtEl>
                                              <p:spTgt spid="45"/>
                                            </p:tgtEl>
                                          </p:cBhvr>
                                          <p:by x="50000" y="50000"/>
                                        </p:animScale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28" fill="hold">
                          <p:stCondLst>
                            <p:cond delay="indefinite"/>
                          </p:stCondLst>
                          <p:childTnLst>
                            <p:par>
                              <p:cTn id="29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30" presetID="42" presetClass="entr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3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fade">
                                          <p:cBhvr>
                                            <p:cTn id="32" dur="500"/>
                                            <p:tgtEl>
                                              <p:spTgt spid="46"/>
                                            </p:tgtEl>
                                          </p:cBhvr>
                                        </p:animEffect>
                                        <p:anim calcmode="lin" valueType="num">
                                          <p:cBhvr>
                                            <p:cTn id="33" dur="500" fill="hold"/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34" dur="500" fill="hold"/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+.1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35" fill="hold">
                          <p:stCondLst>
                            <p:cond delay="indefinite"/>
                          </p:stCondLst>
                          <p:childTnLst>
                            <p:par>
                              <p:cTn id="36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37" presetID="8" presetClass="emph" presetSubtype="0" accel="36000" fill="hold" nodeType="clickEffect" p14:presetBounceEnd="64000">
                                      <p:stCondLst>
                                        <p:cond delay="0"/>
                                      </p:stCondLst>
                                      <p:childTnLst>
                                        <p:animRot by="21600000" p14:bounceEnd="64000">
                                          <p:cBhvr>
                                            <p:cTn id="38" dur="2000" fill="hold"/>
                                            <p:tgtEl>
                                              <p:spTgt spid="5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39" fill="hold">
                          <p:stCondLst>
                            <p:cond delay="indefinite"/>
                          </p:stCondLst>
                          <p:childTnLst>
                            <p:par>
                              <p:cTn id="40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41" presetID="31" presetClass="exit" presetSubtype="0" fill="hold" grpId="0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 calcmode="lin" valueType="num">
                                          <p:cBhvr>
                                            <p:cTn id="42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w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ppt_w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0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43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h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ppt_h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0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44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rotation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fltVal val="0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90"/>
                                              </p:val>
                                            </p:tav>
                                          </p:tavLst>
                                        </p:anim>
                                        <p:animEffect transition="out" filter="fade">
                                          <p:cBhvr>
                                            <p:cTn id="45" dur="500"/>
                                            <p:tgtEl>
                                              <p:spTgt spid="47"/>
                                            </p:tgtEl>
                                          </p:cBhvr>
                                        </p:animEffect>
                                        <p:set>
                                          <p:cBhvr>
                                            <p:cTn id="46" dur="1" fill="hold">
                                              <p:stCondLst>
                                                <p:cond delay="499"/>
                                              </p:stCondLst>
                                            </p:cTn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hidden"/>
                                          </p:to>
                                        </p:se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47" fill="hold">
                                <p:stCondLst>
                                  <p:cond delay="500"/>
                                </p:stCondLst>
                                <p:childTnLst>
                                  <p:par>
                                    <p:cTn id="48" presetID="45" presetClass="entr" presetSubtype="0" fill="hold" grpId="1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49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fade">
                                          <p:cBhvr>
                                            <p:cTn id="50" dur="1000"/>
                                            <p:tgtEl>
                                              <p:spTgt spid="47"/>
                                            </p:tgtEl>
                                          </p:cBhvr>
                                        </p:animEffect>
                                        <p:anim calcmode="lin" valueType="num">
                                          <p:cBhvr>
                                            <p:cTn id="51" dur="10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w</p:attrName>
                                            </p:attrNameLst>
                                          </p:cBhvr>
                                          <p:tavLst>
                                            <p:tav tm="0" fmla="#ppt_w*sin(2.5*pi*$)">
                                              <p:val>
                                                <p:fltVal val="0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1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52" dur="10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h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h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h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53" fill="hold">
                          <p:stCondLst>
                            <p:cond delay="indefinite"/>
                          </p:stCondLst>
                          <p:childTnLst>
                            <p:par>
                              <p:cTn id="5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5" presetID="26" presetClass="emph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fade">
                                          <p:cBhvr>
                                            <p:cTn id="56" dur="500" tmFilter="0, 0; .2, .5; .8, .5; 1, 0"/>
                                            <p:tgtEl>
                                              <p:spTgt spid="31"/>
                                            </p:tgtEl>
                                          </p:cBhvr>
                                        </p:animEffect>
                                        <p:animScale>
                                          <p:cBhvr>
                                            <p:cTn id="57" dur="250" autoRev="1" fill="hold"/>
                                            <p:tgtEl>
                                              <p:spTgt spid="31"/>
                                            </p:tgtEl>
                                          </p:cBhvr>
                                          <p:by x="105000" y="105000"/>
                                        </p:animScale>
                                      </p:childTnLst>
                                    </p:cTn>
                                  </p:par>
                                  <p:par>
                                    <p:cTn id="58" presetID="32" presetClass="emph" presetSubtype="0" fill="hold" nodeType="withEffect">
                                      <p:stCondLst>
                                        <p:cond delay="0"/>
                                      </p:stCondLst>
                                      <p:childTnLst>
                                        <p:animRot by="120000">
                                          <p:cBhvr>
                                            <p:cTn id="59" dur="50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240000">
                                          <p:cBhvr>
                                            <p:cTn id="60" dur="100" fill="hold">
                                              <p:stCondLst>
                                                <p:cond delay="1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240000">
                                          <p:cBhvr>
                                            <p:cTn id="61" dur="100" fill="hold">
                                              <p:stCondLst>
                                                <p:cond delay="2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240000">
                                          <p:cBhvr>
                                            <p:cTn id="62" dur="100" fill="hold">
                                              <p:stCondLst>
                                                <p:cond delay="3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20000">
                                          <p:cBhvr>
                                            <p:cTn id="63" dur="100" fill="hold">
                                              <p:stCondLst>
                                                <p:cond delay="4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64" fill="hold">
                          <p:stCondLst>
                            <p:cond delay="indefinite"/>
                          </p:stCondLst>
                          <p:childTnLst>
                            <p:par>
                              <p:cTn id="65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66" presetID="16" presetClass="entr" presetSubtype="21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7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barn(inVertical)">
                                          <p:cBhvr>
                                            <p:cTn id="68" dur="250"/>
                                            <p:tgtEl>
                                              <p:spTgt spid="7"/>
                                            </p:tgtEl>
                                          </p:cBhvr>
                                        </p:animEffec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6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70" presetID="26" presetClass="emph" presetSubtype="0" fill="hold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fade">
                                          <p:cBhvr>
                                            <p:cTn id="71" dur="500" tmFilter="0, 0; .2, .5; .8, .5; 1, 0"/>
                                            <p:tgtEl>
                                              <p:spTgt spid="7"/>
                                            </p:tgtEl>
                                          </p:cBhvr>
                                        </p:animEffect>
                                        <p:animScale>
                                          <p:cBhvr>
                                            <p:cTn id="72" dur="250" autoRev="1" fill="hold"/>
                                            <p:tgtEl>
                                              <p:spTgt spid="7"/>
                                            </p:tgtEl>
                                          </p:cBhvr>
                                          <p:by x="105000" y="105000"/>
                                        </p:animScale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73" fill="hold">
                          <p:stCondLst>
                            <p:cond delay="indefinite"/>
                          </p:stCondLst>
                          <p:childTnLst>
                            <p:par>
                              <p:cTn id="7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75" presetID="14" presetClass="exit" presetSubtype="5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randombar(vertical)">
                                          <p:cBhvr>
                                            <p:cTn id="76" dur="500"/>
                                            <p:tgtEl>
                                              <p:spTgt spid="33"/>
                                            </p:tgtEl>
                                          </p:cBhvr>
                                        </p:animEffect>
                                        <p:set>
                                          <p:cBhvr>
                                            <p:cTn id="77" dur="1" fill="hold">
                                              <p:stCondLst>
                                                <p:cond delay="499"/>
                                              </p:stCondLst>
                                            </p:cTn>
                                            <p:tgtEl>
                                              <p:spTgt spid="33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hidden"/>
                                          </p:to>
                                        </p:set>
                                      </p:childTnLst>
                                    </p:cTn>
                                  </p:par>
                                  <p:par>
                                    <p:cTn id="78" presetID="14" presetClass="entr" presetSubtype="5" fill="hold" nodeType="withEffect">
                                      <p:stCondLst>
                                        <p:cond delay="250"/>
                                      </p:stCondLst>
                                      <p:childTnLst>
                                        <p:set>
                                          <p:cBhvr>
                                            <p:cTn id="79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8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randombar(vertical)">
                                          <p:cBhvr>
                                            <p:cTn id="80" dur="500"/>
                                            <p:tgtEl>
                                              <p:spTgt spid="48"/>
                                            </p:tgtEl>
                                          </p:cBhvr>
                                        </p:animEffec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8" grpId="0" animBg="1"/>
          <p:bldP spid="45" grpId="0" animBg="1"/>
          <p:bldP spid="47" grpId="0" animBg="1"/>
          <p:bldP spid="47" grpId="1" animBg="1"/>
          <p:bldP spid="24" grpId="0"/>
          <p:bldP spid="59" grpId="0"/>
        </p:bldLst>
      </p:timing>
    </mc:Choice>
    <mc:Fallback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34" presetClass="emph" presetSubtype="0" fill="hold" grpId="0" nodeType="afterEffect">
                                      <p:stCondLst>
                                        <p:cond delay="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0.0 0.0 L 0.0 -0.07213" pathEditMode="relative" ptsTypes="">
                                          <p:cBhvr>
                                            <p:cTn id="6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</p:animMotion>
                                        <p:animRot by="1500000">
                                          <p:cBhvr>
                                            <p:cTn id="7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8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9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10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1" fill="hold">
                                <p:stCondLst>
                                  <p:cond delay="450"/>
                                </p:stCondLst>
                                <p:childTnLst>
                                  <p:par>
                                    <p:cTn id="12" presetID="34" presetClass="emph" presetSubtype="0" fill="hold" grpId="0" nodeType="afterEffect">
                                      <p:stCondLst>
                                        <p:cond delay="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9.54585E-8 -3.84544E-6 L 9.54585E-8 -0.02846 " pathEditMode="relative" rAng="0" ptsTypes="AA">
                                          <p:cBhvr>
                                            <p:cTn id="13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  <p:rCtr x="0" y="-1435"/>
                                        </p:animMotion>
                                        <p:animRot by="1500000">
                                          <p:cBhvr>
                                            <p:cTn id="14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15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16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17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  <p:par>
                                    <p:cTn id="18" presetID="34" presetClass="emph" presetSubtype="0" fill="hold" grpId="0" nodeType="withEffect">
                                      <p:stCondLst>
                                        <p:cond delay="40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9.54585E-8 -3.84544E-6 L 9.54585E-8 -0.02846 " pathEditMode="relative" rAng="0" ptsTypes="AA">
                                          <p:cBhvr>
                                            <p:cTn id="19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  <p:rCtr x="0" y="-1435"/>
                                        </p:animMotion>
                                        <p:animRot by="1500000">
                                          <p:cBhvr>
                                            <p:cTn id="20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21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22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23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24" fill="hold">
                          <p:stCondLst>
                            <p:cond delay="indefinite"/>
                          </p:stCondLst>
                          <p:childTnLst>
                            <p:par>
                              <p:cTn id="25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26" presetID="6" presetClass="emph" presetSubtype="0" fill="hold" grpId="0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Scale>
                                          <p:cBhvr>
                                            <p:cTn id="27" dur="500" fill="hold"/>
                                            <p:tgtEl>
                                              <p:spTgt spid="45"/>
                                            </p:tgtEl>
                                          </p:cBhvr>
                                          <p:by x="50000" y="50000"/>
                                        </p:animScale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28" fill="hold">
                          <p:stCondLst>
                            <p:cond delay="indefinite"/>
                          </p:stCondLst>
                          <p:childTnLst>
                            <p:par>
                              <p:cTn id="29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30" presetID="42" presetClass="entr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3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fade">
                                          <p:cBhvr>
                                            <p:cTn id="32" dur="500"/>
                                            <p:tgtEl>
                                              <p:spTgt spid="46"/>
                                            </p:tgtEl>
                                          </p:cBhvr>
                                        </p:animEffect>
                                        <p:anim calcmode="lin" valueType="num">
                                          <p:cBhvr>
                                            <p:cTn id="33" dur="500" fill="hold"/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34" dur="500" fill="hold"/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+.1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35" fill="hold">
                          <p:stCondLst>
                            <p:cond delay="indefinite"/>
                          </p:stCondLst>
                          <p:childTnLst>
                            <p:par>
                              <p:cTn id="36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37" presetID="8" presetClass="emph" presetSubtype="0" accel="3600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Rot by="21600000">
                                          <p:cBhvr>
                                            <p:cTn id="38" dur="2000" fill="hold"/>
                                            <p:tgtEl>
                                              <p:spTgt spid="5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39" fill="hold">
                          <p:stCondLst>
                            <p:cond delay="indefinite"/>
                          </p:stCondLst>
                          <p:childTnLst>
                            <p:par>
                              <p:cTn id="40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41" presetID="31" presetClass="exit" presetSubtype="0" fill="hold" grpId="0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 calcmode="lin" valueType="num">
                                          <p:cBhvr>
                                            <p:cTn id="42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w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ppt_w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0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43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h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ppt_h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0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44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rotation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fltVal val="0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90"/>
                                              </p:val>
                                            </p:tav>
                                          </p:tavLst>
                                        </p:anim>
                                        <p:animEffect transition="out" filter="fade">
                                          <p:cBhvr>
                                            <p:cTn id="45" dur="500"/>
                                            <p:tgtEl>
                                              <p:spTgt spid="47"/>
                                            </p:tgtEl>
                                          </p:cBhvr>
                                        </p:animEffect>
                                        <p:set>
                                          <p:cBhvr>
                                            <p:cTn id="46" dur="1" fill="hold">
                                              <p:stCondLst>
                                                <p:cond delay="499"/>
                                              </p:stCondLst>
                                            </p:cTn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hidden"/>
                                          </p:to>
                                        </p:se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47" fill="hold">
                                <p:stCondLst>
                                  <p:cond delay="500"/>
                                </p:stCondLst>
                                <p:childTnLst>
                                  <p:par>
                                    <p:cTn id="48" presetID="45" presetClass="entr" presetSubtype="0" fill="hold" grpId="1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49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fade">
                                          <p:cBhvr>
                                            <p:cTn id="50" dur="1000"/>
                                            <p:tgtEl>
                                              <p:spTgt spid="47"/>
                                            </p:tgtEl>
                                          </p:cBhvr>
                                        </p:animEffect>
                                        <p:anim calcmode="lin" valueType="num">
                                          <p:cBhvr>
                                            <p:cTn id="51" dur="10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w</p:attrName>
                                            </p:attrNameLst>
                                          </p:cBhvr>
                                          <p:tavLst>
                                            <p:tav tm="0" fmla="#ppt_w*sin(2.5*pi*$)">
                                              <p:val>
                                                <p:fltVal val="0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1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52" dur="10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h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h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h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53" fill="hold">
                          <p:stCondLst>
                            <p:cond delay="indefinite"/>
                          </p:stCondLst>
                          <p:childTnLst>
                            <p:par>
                              <p:cTn id="5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5" presetID="26" presetClass="emph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fade">
                                          <p:cBhvr>
                                            <p:cTn id="56" dur="500" tmFilter="0, 0; .2, .5; .8, .5; 1, 0"/>
                                            <p:tgtEl>
                                              <p:spTgt spid="31"/>
                                            </p:tgtEl>
                                          </p:cBhvr>
                                        </p:animEffect>
                                        <p:animScale>
                                          <p:cBhvr>
                                            <p:cTn id="57" dur="250" autoRev="1" fill="hold"/>
                                            <p:tgtEl>
                                              <p:spTgt spid="31"/>
                                            </p:tgtEl>
                                          </p:cBhvr>
                                          <p:by x="105000" y="105000"/>
                                        </p:animScale>
                                      </p:childTnLst>
                                    </p:cTn>
                                  </p:par>
                                  <p:par>
                                    <p:cTn id="58" presetID="32" presetClass="emph" presetSubtype="0" fill="hold" nodeType="withEffect">
                                      <p:stCondLst>
                                        <p:cond delay="0"/>
                                      </p:stCondLst>
                                      <p:childTnLst>
                                        <p:animRot by="120000">
                                          <p:cBhvr>
                                            <p:cTn id="59" dur="50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240000">
                                          <p:cBhvr>
                                            <p:cTn id="60" dur="100" fill="hold">
                                              <p:stCondLst>
                                                <p:cond delay="1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240000">
                                          <p:cBhvr>
                                            <p:cTn id="61" dur="100" fill="hold">
                                              <p:stCondLst>
                                                <p:cond delay="2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240000">
                                          <p:cBhvr>
                                            <p:cTn id="62" dur="100" fill="hold">
                                              <p:stCondLst>
                                                <p:cond delay="3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20000">
                                          <p:cBhvr>
                                            <p:cTn id="63" dur="100" fill="hold">
                                              <p:stCondLst>
                                                <p:cond delay="4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64" fill="hold">
                          <p:stCondLst>
                            <p:cond delay="indefinite"/>
                          </p:stCondLst>
                          <p:childTnLst>
                            <p:par>
                              <p:cTn id="65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66" presetID="16" presetClass="entr" presetSubtype="21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7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barn(inVertical)">
                                          <p:cBhvr>
                                            <p:cTn id="68" dur="250"/>
                                            <p:tgtEl>
                                              <p:spTgt spid="7"/>
                                            </p:tgtEl>
                                          </p:cBhvr>
                                        </p:animEffec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6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70" presetID="26" presetClass="emph" presetSubtype="0" fill="hold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fade">
                                          <p:cBhvr>
                                            <p:cTn id="71" dur="500" tmFilter="0, 0; .2, .5; .8, .5; 1, 0"/>
                                            <p:tgtEl>
                                              <p:spTgt spid="7"/>
                                            </p:tgtEl>
                                          </p:cBhvr>
                                        </p:animEffect>
                                        <p:animScale>
                                          <p:cBhvr>
                                            <p:cTn id="72" dur="250" autoRev="1" fill="hold"/>
                                            <p:tgtEl>
                                              <p:spTgt spid="7"/>
                                            </p:tgtEl>
                                          </p:cBhvr>
                                          <p:by x="105000" y="105000"/>
                                        </p:animScale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73" fill="hold">
                          <p:stCondLst>
                            <p:cond delay="indefinite"/>
                          </p:stCondLst>
                          <p:childTnLst>
                            <p:par>
                              <p:cTn id="7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75" presetID="14" presetClass="exit" presetSubtype="5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randombar(vertical)">
                                          <p:cBhvr>
                                            <p:cTn id="76" dur="500"/>
                                            <p:tgtEl>
                                              <p:spTgt spid="33"/>
                                            </p:tgtEl>
                                          </p:cBhvr>
                                        </p:animEffect>
                                        <p:set>
                                          <p:cBhvr>
                                            <p:cTn id="77" dur="1" fill="hold">
                                              <p:stCondLst>
                                                <p:cond delay="499"/>
                                              </p:stCondLst>
                                            </p:cTn>
                                            <p:tgtEl>
                                              <p:spTgt spid="33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hidden"/>
                                          </p:to>
                                        </p:set>
                                      </p:childTnLst>
                                    </p:cTn>
                                  </p:par>
                                  <p:par>
                                    <p:cTn id="78" presetID="14" presetClass="entr" presetSubtype="5" fill="hold" nodeType="withEffect">
                                      <p:stCondLst>
                                        <p:cond delay="250"/>
                                      </p:stCondLst>
                                      <p:childTnLst>
                                        <p:set>
                                          <p:cBhvr>
                                            <p:cTn id="79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8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randombar(vertical)">
                                          <p:cBhvr>
                                            <p:cTn id="80" dur="500"/>
                                            <p:tgtEl>
                                              <p:spTgt spid="48"/>
                                            </p:tgtEl>
                                          </p:cBhvr>
                                        </p:animEffec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8" grpId="0" animBg="1"/>
          <p:bldP spid="45" grpId="0" animBg="1"/>
          <p:bldP spid="47" grpId="0" animBg="1"/>
          <p:bldP spid="47" grpId="1" animBg="1"/>
          <p:bldP spid="24" grpId="0"/>
          <p:bldP spid="59" grpId="0"/>
        </p:bldLst>
      </p:timing>
    </mc:Fallback>
  </mc:AlternateContent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et Up Course Structure</a:t>
            </a:r>
            <a:endParaRPr lang="ru-RU" dirty="0"/>
          </a:p>
        </p:txBody>
      </p:sp>
      <p:sp>
        <p:nvSpPr>
          <p:cNvPr id="3" name="slide number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3</a:t>
            </a:r>
            <a:endParaRPr lang="fr-FR" dirty="0"/>
          </a:p>
        </p:txBody>
      </p:sp>
      <p:pic>
        <p:nvPicPr>
          <p:cNvPr id="4" name="toolbar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10847" y="1844826"/>
            <a:ext cx="2676523" cy="1523999"/>
          </a:xfrm>
          <a:prstGeom prst="rect">
            <a:avLst/>
          </a:prstGeom>
        </p:spPr>
      </p:pic>
      <p:pic>
        <p:nvPicPr>
          <p:cNvPr id="7" name="structure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91250" y="1686455"/>
            <a:ext cx="2653868" cy="4540087"/>
          </a:xfrm>
          <a:prstGeom prst="rect">
            <a:avLst/>
          </a:prstGeom>
        </p:spPr>
      </p:pic>
      <p:pic>
        <p:nvPicPr>
          <p:cNvPr id="8" name="branching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75227" y="2538158"/>
            <a:ext cx="3615452" cy="2375454"/>
          </a:xfrm>
          <a:prstGeom prst="rect">
            <a:avLst/>
          </a:prstGeom>
        </p:spPr>
      </p:pic>
      <p:sp>
        <p:nvSpPr>
          <p:cNvPr id="9" name="Text structure"/>
          <p:cNvSpPr txBox="1"/>
          <p:nvPr/>
        </p:nvSpPr>
        <p:spPr>
          <a:xfrm>
            <a:off x="1241344" y="3922499"/>
            <a:ext cx="2988048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Create a hierarchical outline</a:t>
            </a:r>
            <a:endParaRPr lang="ru-RU" sz="1600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ea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0" name="Arrow structure"/>
          <p:cNvSpPr/>
          <p:nvPr/>
        </p:nvSpPr>
        <p:spPr>
          <a:xfrm rot="2700000">
            <a:off x="1322468" y="3972295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1" name="Text branching"/>
          <p:cNvSpPr txBox="1"/>
          <p:nvPr/>
        </p:nvSpPr>
        <p:spPr>
          <a:xfrm>
            <a:off x="1241346" y="4436499"/>
            <a:ext cx="2732089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Use branching scenarios </a:t>
            </a:r>
          </a:p>
        </p:txBody>
      </p:sp>
      <p:sp>
        <p:nvSpPr>
          <p:cNvPr id="12" name="Arrow branching"/>
          <p:cNvSpPr/>
          <p:nvPr/>
        </p:nvSpPr>
        <p:spPr>
          <a:xfrm rot="2700000">
            <a:off x="1322468" y="4486295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</p:spTree>
    <p:extLst>
      <p:ext uri="{BB962C8B-B14F-4D97-AF65-F5344CB8AC3E}">
        <p14:creationId xmlns="" xmlns:p14="http://schemas.microsoft.com/office/powerpoint/2010/main" val="3712428688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slow" p14:dur="2000" advTm="13000">
        <p14:ferris dir="l"/>
      </p:transition>
    </mc:Choice>
    <mc:Fallback>
      <p:transition spd="slow" advTm="13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3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2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2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29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1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6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  <p:bldP spid="10" grpId="0" animBg="1"/>
      <p:bldP spid="10" grpId="1" animBg="1"/>
      <p:bldP spid="11" grpId="0"/>
      <p:bldP spid="12" grpId="0" animBg="1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2800" dirty="0"/>
              <a:t>Add Audio and Video Narrations</a:t>
            </a:r>
            <a:endParaRPr lang="fr-FR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4</a:t>
            </a:r>
            <a:endParaRPr lang="fr-FR" dirty="0"/>
          </a:p>
        </p:txBody>
      </p:sp>
      <p:sp>
        <p:nvSpPr>
          <p:cNvPr id="4" name="TextBox 3"/>
          <p:cNvSpPr txBox="1"/>
          <p:nvPr/>
        </p:nvSpPr>
        <p:spPr>
          <a:xfrm>
            <a:off x="555772" y="1390667"/>
            <a:ext cx="10115999" cy="7239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14000"/>
              </a:lnSpc>
              <a:spcAft>
                <a:spcPts val="600"/>
              </a:spcAft>
            </a:pPr>
            <a:r>
              <a:rPr lang="en-US" dirty="0"/>
              <a:t>Record/import and edit a voice-over or a presenter video </a:t>
            </a:r>
            <a:br>
              <a:rPr lang="en-US" dirty="0"/>
            </a:br>
            <a:r>
              <a:rPr lang="en-US" dirty="0"/>
              <a:t>and sync it with slides and animations.</a:t>
            </a:r>
            <a:endParaRPr lang="fr-FR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10730" y="2775439"/>
            <a:ext cx="3524250" cy="152400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2246834" y="3285778"/>
            <a:ext cx="1512168" cy="1008112"/>
          </a:xfrm>
          <a:prstGeom prst="rect">
            <a:avLst/>
          </a:prstGeom>
          <a:noFill/>
          <a:ln w="76200">
            <a:solidFill>
              <a:srgbClr val="FBD8C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pic>
        <p:nvPicPr>
          <p:cNvPr id="8" name="Picture 7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9242" y="2775439"/>
            <a:ext cx="4386064" cy="328954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="" xmlns:p14="http://schemas.microsoft.com/office/powerpoint/2010/main" val="2791250013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med" p14:dur="700" advTm="10000">
        <p:fade/>
      </p:transition>
    </mc:Choice>
    <mc:Fallback>
      <p:transition spd="med" advTm="10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reate Customizable Quizzes and Surveys</a:t>
            </a:r>
            <a:endParaRPr lang="fr-FR" dirty="0"/>
          </a:p>
        </p:txBody>
      </p:sp>
      <p:sp>
        <p:nvSpPr>
          <p:cNvPr id="3" name="slide number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5</a:t>
            </a:r>
            <a:endParaRPr lang="fr-FR" dirty="0"/>
          </a:p>
        </p:txBody>
      </p:sp>
      <p:sp>
        <p:nvSpPr>
          <p:cNvPr id="11" name="TextBox 10"/>
          <p:cNvSpPr txBox="1"/>
          <p:nvPr/>
        </p:nvSpPr>
        <p:spPr>
          <a:xfrm>
            <a:off x="878682" y="3708393"/>
            <a:ext cx="357739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/>
              <a:t>23 types of questions, </a:t>
            </a:r>
            <a:br>
              <a:rPr lang="en-US" sz="1600" dirty="0"/>
            </a:br>
            <a:r>
              <a:rPr lang="en-US" sz="1600" dirty="0"/>
              <a:t>including drag-and-drops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878682" y="4500340"/>
            <a:ext cx="3577392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/>
              <a:t>Advanced branching scenarios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878682" y="5004537"/>
            <a:ext cx="389651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/>
              <a:t>Convenient visual slide</a:t>
            </a:r>
          </a:p>
          <a:p>
            <a:r>
              <a:rPr lang="en-US" sz="1600" dirty="0"/>
              <a:t>     editing mode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878682" y="5662042"/>
            <a:ext cx="3865424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285750" indent="-285750">
              <a:buFont typeface="Wingdings" panose="05000000000000000000" pitchFamily="2" charset="2"/>
              <a:buChar char="§"/>
            </a:lvl1pPr>
          </a:lstStyle>
          <a:p>
            <a:r>
              <a:rPr lang="en-US" sz="1600" dirty="0"/>
              <a:t>Flexible scoring system</a:t>
            </a: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07974" y="1845618"/>
            <a:ext cx="5210690" cy="3816424"/>
          </a:xfrm>
          <a:prstGeom prst="rect">
            <a:avLst/>
          </a:prstGeom>
        </p:spPr>
      </p:pic>
      <p:pic>
        <p:nvPicPr>
          <p:cNvPr id="4" name="Рисунок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17715" y="2030106"/>
            <a:ext cx="2276475" cy="14097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="" xmlns:p14="http://schemas.microsoft.com/office/powerpoint/2010/main" val="2045291426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med" p14:dur="700" advTm="10000">
        <p:fade/>
      </p:transition>
    </mc:Choice>
    <mc:Fallback>
      <p:transition spd="med" advTm="10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2667794" y="457994"/>
            <a:ext cx="5872762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indent="40690" algn="ctr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ÁC HOẠT ĐỘNG CHÍNH</a:t>
            </a:r>
          </a:p>
        </p:txBody>
      </p:sp>
      <p:sp>
        <p:nvSpPr>
          <p:cNvPr id="3" name="Rectangle 2"/>
          <p:cNvSpPr/>
          <p:nvPr/>
        </p:nvSpPr>
        <p:spPr>
          <a:xfrm>
            <a:off x="1372394" y="1677194"/>
            <a:ext cx="8193910" cy="230832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oạt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ộng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1: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ể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uyện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diễn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ảm</a:t>
            </a:r>
            <a:endParaRPr lang="en-US" sz="3600" b="1" dirty="0" smtClean="0">
              <a:latin typeface="Times New Roman" pitchFamily="18" charset="0"/>
              <a:ea typeface="Times New Roman" pitchFamily="18" charset="0"/>
              <a:cs typeface="Times New Roman" pitchFamily="18" charset="0"/>
            </a:endParaRPr>
          </a:p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oạt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ộng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2: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àm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oại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,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ích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dẫn</a:t>
            </a:r>
            <a:endParaRPr lang="en-US" sz="3600" b="1" dirty="0" smtClean="0">
              <a:latin typeface="Times New Roman" pitchFamily="18" charset="0"/>
              <a:ea typeface="Times New Roman" pitchFamily="18" charset="0"/>
              <a:cs typeface="Times New Roman" pitchFamily="18" charset="0"/>
            </a:endParaRPr>
          </a:p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oạt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ộng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3: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ảo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uận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à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ể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ại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uyện</a:t>
            </a:r>
            <a:endParaRPr lang="en-US" sz="3600" b="1" dirty="0" smtClean="0">
              <a:latin typeface="Times New Roman" pitchFamily="18" charset="0"/>
              <a:ea typeface="Times New Roman" pitchFamily="18" charset="0"/>
              <a:cs typeface="Times New Roman" pitchFamily="18" charset="0"/>
            </a:endParaRPr>
          </a:p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oạt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ộng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4: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Xem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video </a:t>
            </a:r>
            <a:r>
              <a:rPr lang="en-US" sz="36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uyện</a:t>
            </a:r>
            <a:r>
              <a:rPr lang="en-US" sz="36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endParaRPr lang="en-US" sz="3600" b="1" dirty="0" smtClean="0">
              <a:latin typeface="Times New Roman" pitchFamily="18" charset="0"/>
              <a:ea typeface="Times New Roman" pitchFamily="18" charset="0"/>
              <a:cs typeface="Times New Roman" pitchFamily="18" charset="0"/>
            </a:endParaRPr>
          </a:p>
        </p:txBody>
      </p:sp>
      <p:pic>
        <p:nvPicPr>
          <p:cNvPr id="4" name="Picture 6" descr="5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151606" y="4306000"/>
            <a:ext cx="1828800" cy="276414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" name="Picture 7" descr="5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0800000">
            <a:off x="9381623" y="-124626"/>
            <a:ext cx="1809059" cy="273430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6" name="Group 19"/>
          <p:cNvGrpSpPr>
            <a:grpSpLocks/>
          </p:cNvGrpSpPr>
          <p:nvPr/>
        </p:nvGrpSpPr>
        <p:grpSpPr bwMode="auto">
          <a:xfrm flipH="1" flipV="1">
            <a:off x="361557" y="0"/>
            <a:ext cx="1620437" cy="2134094"/>
            <a:chOff x="4368" y="2880"/>
            <a:chExt cx="1200" cy="1289"/>
          </a:xfrm>
        </p:grpSpPr>
        <p:sp>
          <p:nvSpPr>
            <p:cNvPr id="7" name="Freeform 20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8" name="Freeform 21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9" name="Freeform 22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0" name="Freeform 23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1" name="Freeform 24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2" name="Freeform 25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3" name="Freeform 26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14" name="Group 27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15" name="Picture 2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6" name="Picture 2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7" name="Picture 3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8" name="Picture 3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9" name="Picture 3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" name="Picture 3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1" name="Picture 3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2" name="Picture 35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3" name="Picture 3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grpSp>
        <p:nvGrpSpPr>
          <p:cNvPr id="24" name="Group 37"/>
          <p:cNvGrpSpPr>
            <a:grpSpLocks/>
          </p:cNvGrpSpPr>
          <p:nvPr/>
        </p:nvGrpSpPr>
        <p:grpSpPr bwMode="auto">
          <a:xfrm rot="10800000" flipH="1" flipV="1">
            <a:off x="9353951" y="4267994"/>
            <a:ext cx="1620437" cy="2210312"/>
            <a:chOff x="4368" y="2880"/>
            <a:chExt cx="1200" cy="1289"/>
          </a:xfrm>
        </p:grpSpPr>
        <p:sp>
          <p:nvSpPr>
            <p:cNvPr id="25" name="Freeform 38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6" name="Freeform 39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7" name="Freeform 40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8" name="Freeform 41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9" name="Freeform 42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30" name="Freeform 43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31" name="Freeform 44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32" name="Group 45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33" name="Picture 4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4" name="Picture 47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5" name="Picture 4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6" name="Picture 4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7" name="Picture 5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8" name="Picture 5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9" name="Picture 5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40" name="Picture 5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41" name="Picture 5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3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pic>
        <p:nvPicPr>
          <p:cNvPr id="42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1751024" y="5228043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3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3825393" y="5228043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4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5822545" y="5228043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5" name="Picture 8" descr="x53122380[1]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7879945" y="5381061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Text webobj"/>
          <p:cNvSpPr txBox="1"/>
          <p:nvPr/>
        </p:nvSpPr>
        <p:spPr>
          <a:xfrm>
            <a:off x="806674" y="5794748"/>
            <a:ext cx="3117076" cy="54483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/>
                </a:solidFill>
              </a:rPr>
              <a:t>Insert in your course or upload directly to YouTube</a:t>
            </a:r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Make a Screen Recording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ru-RU" dirty="0" smtClean="0"/>
              <a:t>6</a:t>
            </a:r>
            <a:endParaRPr lang="ru-RU" dirty="0"/>
          </a:p>
        </p:txBody>
      </p:sp>
      <p:sp>
        <p:nvSpPr>
          <p:cNvPr id="9" name="Text characters"/>
          <p:cNvSpPr txBox="1"/>
          <p:nvPr/>
        </p:nvSpPr>
        <p:spPr>
          <a:xfrm>
            <a:off x="810920" y="3729187"/>
            <a:ext cx="3117076" cy="54483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/>
                </a:solidFill>
              </a:rPr>
              <a:t>Record all or part of your screen, or an application</a:t>
            </a:r>
          </a:p>
        </p:txBody>
      </p:sp>
      <p:sp>
        <p:nvSpPr>
          <p:cNvPr id="11" name="Text youtube"/>
          <p:cNvSpPr txBox="1"/>
          <p:nvPr/>
        </p:nvSpPr>
        <p:spPr>
          <a:xfrm>
            <a:off x="810921" y="4431644"/>
            <a:ext cx="3261092" cy="54483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/>
                </a:solidFill>
              </a:rPr>
              <a:t>Record sound and add cursor highlighting</a:t>
            </a:r>
          </a:p>
        </p:txBody>
      </p:sp>
      <p:sp>
        <p:nvSpPr>
          <p:cNvPr id="13" name="Text webobj"/>
          <p:cNvSpPr txBox="1"/>
          <p:nvPr/>
        </p:nvSpPr>
        <p:spPr>
          <a:xfrm>
            <a:off x="810920" y="5109404"/>
            <a:ext cx="3117076" cy="54483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/>
                </a:solidFill>
              </a:rPr>
              <a:t>Instantly edit and save your video to MP4</a:t>
            </a: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5146" y="1869245"/>
            <a:ext cx="5226024" cy="3512574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41317" y="1910350"/>
            <a:ext cx="2400300" cy="1409700"/>
          </a:xfrm>
          <a:prstGeom prst="rect">
            <a:avLst/>
          </a:prstGeom>
        </p:spPr>
      </p:pic>
    </p:spTree>
    <p:extLst>
      <p:ext uri="{BB962C8B-B14F-4D97-AF65-F5344CB8AC3E}">
        <p14:creationId xmlns="" xmlns:p14="http://schemas.microsoft.com/office/powerpoint/2010/main" val="669896354"/>
      </p:ext>
    </p:extLst>
  </p:cSld>
  <p:clrMapOvr>
    <a:masterClrMapping/>
  </p:clrMapOvr>
  <p:transition spd="slow" advTm="10000">
    <p:wipe dir="r"/>
  </p:transition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Заголовок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reate Conversation Simulations</a:t>
            </a:r>
            <a:endParaRPr lang="ru-RU" dirty="0"/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7</a:t>
            </a:r>
            <a:endParaRPr lang="ru-RU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5127154" y="1926878"/>
            <a:ext cx="5184576" cy="2921724"/>
          </a:xfrm>
          <a:prstGeom prst="rect">
            <a:avLst/>
          </a:prstGeom>
          <a:noFill/>
        </p:spPr>
      </p:pic>
      <p:sp>
        <p:nvSpPr>
          <p:cNvPr id="11" name="TextBox 10"/>
          <p:cNvSpPr txBox="1"/>
          <p:nvPr/>
        </p:nvSpPr>
        <p:spPr>
          <a:xfrm>
            <a:off x="829682" y="3708393"/>
            <a:ext cx="386542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/>
              <a:t>Build scenes with </a:t>
            </a:r>
            <a:r>
              <a:rPr lang="en-US" sz="1600" dirty="0" smtClean="0"/>
              <a:t>conversation</a:t>
            </a:r>
            <a:endParaRPr lang="en-US" sz="1600" dirty="0"/>
          </a:p>
          <a:p>
            <a:r>
              <a:rPr lang="en-US" sz="1600" dirty="0"/>
              <a:t>     and answer choices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829682" y="4293890"/>
            <a:ext cx="357739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/>
              <a:t>Choose a character and background from the library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829682" y="5013970"/>
            <a:ext cx="3865424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285750" indent="-285750">
              <a:buFont typeface="Wingdings" panose="05000000000000000000" pitchFamily="2" charset="2"/>
              <a:buChar char="§"/>
            </a:lvl1pPr>
          </a:lstStyle>
          <a:p>
            <a:r>
              <a:rPr lang="en-US" sz="1600" dirty="0"/>
              <a:t>Guide users with character emotions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821388" y="5599467"/>
            <a:ext cx="3865424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285750" indent="-285750">
              <a:buFont typeface="Wingdings" panose="05000000000000000000" pitchFamily="2" charset="2"/>
              <a:buChar char="§"/>
            </a:lvl1pPr>
          </a:lstStyle>
          <a:p>
            <a:r>
              <a:rPr lang="en-US" sz="1600" dirty="0"/>
              <a:t>Award points for correct responses</a:t>
            </a:r>
          </a:p>
        </p:txBody>
      </p:sp>
      <p:pic>
        <p:nvPicPr>
          <p:cNvPr id="3" name="Рисунок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42000" y="1911600"/>
            <a:ext cx="2152650" cy="1409700"/>
          </a:xfrm>
          <a:prstGeom prst="rect">
            <a:avLst/>
          </a:prstGeom>
        </p:spPr>
      </p:pic>
    </p:spTree>
    <p:extLst>
      <p:ext uri="{BB962C8B-B14F-4D97-AF65-F5344CB8AC3E}">
        <p14:creationId xmlns="" xmlns:p14="http://schemas.microsoft.com/office/powerpoint/2010/main" val="2634624472"/>
      </p:ext>
    </p:extLst>
  </p:cSld>
  <p:clrMapOvr>
    <a:masterClrMapping/>
  </p:clrMapOvr>
  <p:transition spd="slow" advTm="10000">
    <p:wipe dir="r"/>
  </p:transition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Use Spectacular Interactions</a:t>
            </a:r>
            <a:endParaRPr lang="fr-FR" dirty="0"/>
          </a:p>
        </p:txBody>
      </p:sp>
      <p:sp>
        <p:nvSpPr>
          <p:cNvPr id="3" name="slide number"/>
          <p:cNvSpPr>
            <a:spLocks noGrp="1"/>
          </p:cNvSpPr>
          <p:nvPr>
            <p:ph type="body" sz="quarter" idx="10"/>
          </p:nvPr>
        </p:nvSpPr>
        <p:spPr>
          <a:xfrm>
            <a:off x="648000" y="621482"/>
            <a:ext cx="504057" cy="432048"/>
          </a:xfrm>
        </p:spPr>
        <p:txBody>
          <a:bodyPr>
            <a:normAutofit/>
          </a:bodyPr>
          <a:lstStyle/>
          <a:p>
            <a:r>
              <a:rPr lang="en-US" dirty="0" smtClean="0"/>
              <a:t>8</a:t>
            </a:r>
            <a:endParaRPr lang="fr-FR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5146" y="2205660"/>
            <a:ext cx="4895850" cy="3571875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5146" y="2205660"/>
            <a:ext cx="4895850" cy="3571875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5146" y="2205660"/>
            <a:ext cx="4895850" cy="3571875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5146" y="2205660"/>
            <a:ext cx="4895850" cy="3571875"/>
          </a:xfrm>
          <a:prstGeom prst="rect">
            <a:avLst/>
          </a:prstGeom>
        </p:spPr>
      </p:pic>
      <p:sp>
        <p:nvSpPr>
          <p:cNvPr id="10" name="Text templates"/>
          <p:cNvSpPr txBox="1"/>
          <p:nvPr/>
        </p:nvSpPr>
        <p:spPr>
          <a:xfrm>
            <a:off x="1650088" y="3781323"/>
            <a:ext cx="897386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Book</a:t>
            </a:r>
          </a:p>
        </p:txBody>
      </p:sp>
      <p:sp>
        <p:nvSpPr>
          <p:cNvPr id="11" name="Arrow templates"/>
          <p:cNvSpPr/>
          <p:nvPr/>
        </p:nvSpPr>
        <p:spPr>
          <a:xfrm rot="2700000">
            <a:off x="1728734" y="3831119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2" name="Text templates"/>
          <p:cNvSpPr txBox="1"/>
          <p:nvPr/>
        </p:nvSpPr>
        <p:spPr>
          <a:xfrm>
            <a:off x="1645132" y="4269057"/>
            <a:ext cx="1212486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Timeline</a:t>
            </a:r>
          </a:p>
        </p:txBody>
      </p:sp>
      <p:sp>
        <p:nvSpPr>
          <p:cNvPr id="13" name="Arrow templates"/>
          <p:cNvSpPr/>
          <p:nvPr/>
        </p:nvSpPr>
        <p:spPr>
          <a:xfrm rot="2700000">
            <a:off x="1728734" y="4318853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4" name="Text templates"/>
          <p:cNvSpPr txBox="1"/>
          <p:nvPr/>
        </p:nvSpPr>
        <p:spPr>
          <a:xfrm>
            <a:off x="1645134" y="4756791"/>
            <a:ext cx="1283141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Directory</a:t>
            </a:r>
          </a:p>
        </p:txBody>
      </p:sp>
      <p:sp>
        <p:nvSpPr>
          <p:cNvPr id="15" name="Arrow templates"/>
          <p:cNvSpPr/>
          <p:nvPr/>
        </p:nvSpPr>
        <p:spPr>
          <a:xfrm rot="2700000">
            <a:off x="1728734" y="4806587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6" name="Text templates"/>
          <p:cNvSpPr txBox="1"/>
          <p:nvPr/>
        </p:nvSpPr>
        <p:spPr>
          <a:xfrm>
            <a:off x="1645134" y="5244525"/>
            <a:ext cx="803893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FAQ</a:t>
            </a:r>
          </a:p>
        </p:txBody>
      </p:sp>
      <p:sp>
        <p:nvSpPr>
          <p:cNvPr id="17" name="Arrow templates"/>
          <p:cNvSpPr/>
          <p:nvPr/>
        </p:nvSpPr>
        <p:spPr>
          <a:xfrm rot="2700000">
            <a:off x="1728734" y="5294321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42000" y="1911600"/>
            <a:ext cx="2152650" cy="1409700"/>
          </a:xfrm>
          <a:prstGeom prst="rect">
            <a:avLst/>
          </a:prstGeom>
        </p:spPr>
      </p:pic>
    </p:spTree>
    <p:extLst>
      <p:ext uri="{BB962C8B-B14F-4D97-AF65-F5344CB8AC3E}">
        <p14:creationId xmlns="" xmlns:p14="http://schemas.microsoft.com/office/powerpoint/2010/main" val="990476844"/>
      </p:ext>
    </p:extLst>
  </p:cSld>
  <p:clrMapOvr>
    <a:masterClrMapping/>
  </p:clrMapOvr>
  <p:transition spd="slow" advTm="20000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25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26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7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3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8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0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46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47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48" dur="500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500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0" dur="500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4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9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0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1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67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68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69" dur="5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0" dur="5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1" dur="5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75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 animBg="1"/>
      <p:bldP spid="11" grpId="1" animBg="1"/>
      <p:bldP spid="12" grpId="0"/>
      <p:bldP spid="13" grpId="0" animBg="1"/>
      <p:bldP spid="13" grpId="1" animBg="1"/>
      <p:bldP spid="14" grpId="0"/>
      <p:bldP spid="15" grpId="0" animBg="1"/>
      <p:bldP spid="15" grpId="1" animBg="1"/>
      <p:bldP spid="16" grpId="0"/>
      <p:bldP spid="17" grpId="0" animBg="1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41200" y="1761778"/>
            <a:ext cx="3009900" cy="1524000"/>
          </a:xfrm>
          <a:prstGeom prst="rect">
            <a:avLst/>
          </a:prstGeom>
        </p:spPr>
      </p:pic>
      <p:sp>
        <p:nvSpPr>
          <p:cNvPr id="2" name="Title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chemeClr val="tx1">
                    <a:lumMod val="85000"/>
                    <a:lumOff val="15000"/>
                  </a:schemeClr>
                </a:solidFill>
              </a:rPr>
              <a:t>Saturate Your Course with Rich Media</a:t>
            </a:r>
            <a:endParaRPr lang="fr-FR" dirty="0"/>
          </a:p>
        </p:txBody>
      </p:sp>
      <p:sp>
        <p:nvSpPr>
          <p:cNvPr id="3" name="slide number"/>
          <p:cNvSpPr>
            <a:spLocks noGrp="1"/>
          </p:cNvSpPr>
          <p:nvPr>
            <p:ph type="body" sz="quarter" idx="10"/>
          </p:nvPr>
        </p:nvSpPr>
        <p:spPr>
          <a:xfrm>
            <a:off x="671105" y="621482"/>
            <a:ext cx="446609" cy="431800"/>
          </a:xfrm>
        </p:spPr>
        <p:txBody>
          <a:bodyPr>
            <a:normAutofit/>
          </a:bodyPr>
          <a:lstStyle/>
          <a:p>
            <a:r>
              <a:rPr lang="en-US" dirty="0" smtClean="0"/>
              <a:t>9</a:t>
            </a:r>
            <a:endParaRPr lang="fr-FR" dirty="0"/>
          </a:p>
        </p:txBody>
      </p:sp>
      <p:sp>
        <p:nvSpPr>
          <p:cNvPr id="6" name="Text characters"/>
          <p:cNvSpPr txBox="1"/>
          <p:nvPr/>
        </p:nvSpPr>
        <p:spPr>
          <a:xfrm>
            <a:off x="1650040" y="3781323"/>
            <a:ext cx="1392031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Characters</a:t>
            </a:r>
          </a:p>
        </p:txBody>
      </p:sp>
      <p:sp>
        <p:nvSpPr>
          <p:cNvPr id="7" name="Arrow characters"/>
          <p:cNvSpPr/>
          <p:nvPr/>
        </p:nvSpPr>
        <p:spPr>
          <a:xfrm rot="2700000">
            <a:off x="1731162" y="3831119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8" name="Text youtube"/>
          <p:cNvSpPr txBox="1"/>
          <p:nvPr/>
        </p:nvSpPr>
        <p:spPr>
          <a:xfrm>
            <a:off x="1650038" y="4260871"/>
            <a:ext cx="1891372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YouTube Videos</a:t>
            </a:r>
          </a:p>
        </p:txBody>
      </p:sp>
      <p:sp>
        <p:nvSpPr>
          <p:cNvPr id="9" name="Arrow youtube"/>
          <p:cNvSpPr/>
          <p:nvPr/>
        </p:nvSpPr>
        <p:spPr>
          <a:xfrm rot="2700000">
            <a:off x="1731162" y="4319213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0" name="Text webobj"/>
          <p:cNvSpPr txBox="1"/>
          <p:nvPr/>
        </p:nvSpPr>
        <p:spPr>
          <a:xfrm>
            <a:off x="1650040" y="4752294"/>
            <a:ext cx="1593891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Web Objects</a:t>
            </a:r>
          </a:p>
        </p:txBody>
      </p:sp>
      <p:sp>
        <p:nvSpPr>
          <p:cNvPr id="11" name="Arrow webobj"/>
          <p:cNvSpPr/>
          <p:nvPr/>
        </p:nvSpPr>
        <p:spPr>
          <a:xfrm rot="2700000">
            <a:off x="1731162" y="4802090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2" name="Text flash"/>
          <p:cNvSpPr txBox="1"/>
          <p:nvPr/>
        </p:nvSpPr>
        <p:spPr>
          <a:xfrm>
            <a:off x="1650040" y="5231842"/>
            <a:ext cx="1605609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Flash Movies</a:t>
            </a:r>
          </a:p>
        </p:txBody>
      </p:sp>
      <p:sp>
        <p:nvSpPr>
          <p:cNvPr id="13" name="Arrow flash"/>
          <p:cNvSpPr/>
          <p:nvPr/>
        </p:nvSpPr>
        <p:spPr>
          <a:xfrm rot="2700000">
            <a:off x="1731162" y="5290184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pic>
        <p:nvPicPr>
          <p:cNvPr id="22" name="flash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7219" y="2218867"/>
            <a:ext cx="5110494" cy="3241731"/>
          </a:xfrm>
          <a:prstGeom prst="rect">
            <a:avLst/>
          </a:prstGeom>
        </p:spPr>
      </p:pic>
      <p:pic>
        <p:nvPicPr>
          <p:cNvPr id="21" name="webobj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7219" y="2218868"/>
            <a:ext cx="5110494" cy="3241731"/>
          </a:xfrm>
          <a:prstGeom prst="rect">
            <a:avLst/>
          </a:prstGeom>
        </p:spPr>
      </p:pic>
      <p:pic>
        <p:nvPicPr>
          <p:cNvPr id="16" name="youtube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7218" y="2207719"/>
            <a:ext cx="5110496" cy="3241732"/>
          </a:xfrm>
          <a:prstGeom prst="rect">
            <a:avLst/>
          </a:prstGeom>
        </p:spPr>
      </p:pic>
      <p:pic>
        <p:nvPicPr>
          <p:cNvPr id="17" name="characters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7221" y="2207720"/>
            <a:ext cx="5110493" cy="3241730"/>
          </a:xfrm>
          <a:prstGeom prst="rect">
            <a:avLst/>
          </a:prstGeom>
        </p:spPr>
      </p:pic>
      <p:sp>
        <p:nvSpPr>
          <p:cNvPr id="18" name="Rectangle 17"/>
          <p:cNvSpPr/>
          <p:nvPr/>
        </p:nvSpPr>
        <p:spPr>
          <a:xfrm>
            <a:off x="1742778" y="2277666"/>
            <a:ext cx="1944216" cy="936104"/>
          </a:xfrm>
          <a:prstGeom prst="rect">
            <a:avLst/>
          </a:prstGeom>
          <a:noFill/>
          <a:ln w="76200">
            <a:solidFill>
              <a:srgbClr val="FBD8C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="" xmlns:p14="http://schemas.microsoft.com/office/powerpoint/2010/main" val="3093542544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med" p14:dur="700" advTm="15000">
        <p:fade/>
      </p:transition>
    </mc:Choice>
    <mc:Fallback>
      <p:transition spd="med" advTm="15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31" presetClass="entr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4" dur="500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500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500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0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31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3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4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8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45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6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7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1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52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4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5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6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9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66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7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8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72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73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5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6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7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7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9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80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1" animBg="1"/>
      <p:bldP spid="7" grpId="2" animBg="1"/>
      <p:bldP spid="8" grpId="0"/>
      <p:bldP spid="9" grpId="0" animBg="1"/>
      <p:bldP spid="9" grpId="1" animBg="1"/>
      <p:bldP spid="10" grpId="0"/>
      <p:bldP spid="11" grpId="0" animBg="1"/>
      <p:bldP spid="11" grpId="1" animBg="1"/>
      <p:bldP spid="12" grpId="0"/>
      <p:bldP spid="13" grpId="0" animBg="1"/>
      <p:bldP spid="18" grpId="0" animBg="1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Regular 1"/>
          <p:cNvSpPr txBox="1"/>
          <p:nvPr/>
        </p:nvSpPr>
        <p:spPr>
          <a:xfrm>
            <a:off x="734666" y="3804813"/>
            <a:ext cx="3728977" cy="2505301"/>
          </a:xfrm>
          <a:prstGeom prst="rect">
            <a:avLst/>
          </a:prstGeom>
          <a:noFill/>
        </p:spPr>
        <p:txBody>
          <a:bodyPr wrap="square" lIns="108000" rtlCol="0" anchor="ctr">
            <a:spAutoFit/>
          </a:bodyPr>
          <a:lstStyle/>
          <a:p>
            <a:pPr marL="285750" indent="-285750">
              <a:lnSpc>
                <a:spcPct val="14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Web (Desktop, Mobile, Combined)</a:t>
            </a:r>
          </a:p>
          <a:p>
            <a:pPr marL="285750" indent="-285750">
              <a:lnSpc>
                <a:spcPct val="14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Learning Management System (SCORM, AICC, </a:t>
            </a:r>
            <a:r>
              <a:rPr lang="en-US" sz="1600" dirty="0" err="1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xAPI</a:t>
            </a: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, Blackboard)</a:t>
            </a:r>
          </a:p>
          <a:p>
            <a:pPr marL="285750" indent="-285750">
              <a:lnSpc>
                <a:spcPct val="14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  <a:hlinkClick r:id="rId3"/>
              </a:rPr>
              <a:t>iSpring Learn LMS</a:t>
            </a:r>
            <a:endParaRPr lang="en-US" sz="1600" dirty="0">
              <a:solidFill>
                <a:schemeClr val="tx1">
                  <a:lumMod val="75000"/>
                  <a:lumOff val="25000"/>
                </a:schemeClr>
              </a:solidFill>
              <a:ea typeface="Segoe UI" panose="020B0502040204020203" pitchFamily="34" charset="0"/>
              <a:cs typeface="Segoe UI" panose="020B0502040204020203" pitchFamily="34" charset="0"/>
            </a:endParaRPr>
          </a:p>
          <a:p>
            <a:pPr marL="285750" indent="-285750">
              <a:lnSpc>
                <a:spcPct val="14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  <a:hlinkClick r:id="rId4"/>
              </a:rPr>
              <a:t>iSpring Cloud</a:t>
            </a: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 hosting and sharing service</a:t>
            </a:r>
          </a:p>
          <a:p>
            <a:pPr marL="285750" indent="-285750">
              <a:lnSpc>
                <a:spcPct val="14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Video or direct-to-YouTube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chemeClr val="tx1">
                    <a:lumMod val="85000"/>
                    <a:lumOff val="15000"/>
                  </a:schemeClr>
                </a:solidFill>
              </a:rPr>
              <a:t>Publish Your Content Fast and Easy</a:t>
            </a:r>
            <a:endParaRPr lang="fr-FR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0"/>
          </p:nvPr>
        </p:nvSpPr>
        <p:spPr>
          <a:xfrm>
            <a:off x="615600" y="626400"/>
            <a:ext cx="527032" cy="431800"/>
          </a:xfrm>
        </p:spPr>
        <p:txBody>
          <a:bodyPr>
            <a:noAutofit/>
          </a:bodyPr>
          <a:lstStyle/>
          <a:p>
            <a:r>
              <a:rPr lang="en-US" dirty="0" smtClean="0"/>
              <a:t>10</a:t>
            </a:r>
            <a:endParaRPr lang="fr-FR" dirty="0"/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42932" y="1821390"/>
            <a:ext cx="5640676" cy="4388688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734666" y="3285778"/>
            <a:ext cx="3675943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More ways to reach more learners</a:t>
            </a:r>
            <a:r>
              <a:rPr lang="ru-RU" dirty="0"/>
              <a:t>:</a:t>
            </a:r>
            <a:endParaRPr lang="fr-FR" dirty="0"/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2702" y="1629594"/>
            <a:ext cx="2308021" cy="1519684"/>
          </a:xfrm>
          <a:prstGeom prst="rect">
            <a:avLst/>
          </a:prstGeom>
        </p:spPr>
      </p:pic>
    </p:spTree>
    <p:extLst>
      <p:ext uri="{BB962C8B-B14F-4D97-AF65-F5344CB8AC3E}">
        <p14:creationId xmlns="" xmlns:p14="http://schemas.microsoft.com/office/powerpoint/2010/main" val="246761296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med" p14:dur="700" advTm="13000">
        <p:fade/>
      </p:transition>
    </mc:Choice>
    <mc:Fallback>
      <p:transition spd="med" advTm="13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8137" y="476672"/>
            <a:ext cx="9187912" cy="715516"/>
          </a:xfrm>
        </p:spPr>
        <p:txBody>
          <a:bodyPr>
            <a:normAutofit/>
          </a:bodyPr>
          <a:lstStyle/>
          <a:p>
            <a:r>
              <a:rPr lang="en-US" dirty="0">
                <a:solidFill>
                  <a:schemeClr val="tx1">
                    <a:lumMod val="85000"/>
                    <a:lumOff val="15000"/>
                  </a:schemeClr>
                </a:solidFill>
              </a:rPr>
              <a:t>Use the Video Lecture Player for Fluid Layout</a:t>
            </a:r>
            <a:endParaRPr lang="fr-FR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0"/>
          </p:nvPr>
        </p:nvSpPr>
        <p:spPr/>
        <p:txBody>
          <a:bodyPr>
            <a:normAutofit/>
          </a:bodyPr>
          <a:lstStyle/>
          <a:p>
            <a:r>
              <a:rPr lang="ru-RU" sz="1800" dirty="0"/>
              <a:t>11</a:t>
            </a:r>
            <a:endParaRPr lang="fr-FR" sz="1800" dirty="0"/>
          </a:p>
        </p:txBody>
      </p:sp>
      <p:sp>
        <p:nvSpPr>
          <p:cNvPr id="4" name="Прямоугольник 3"/>
          <p:cNvSpPr/>
          <p:nvPr/>
        </p:nvSpPr>
        <p:spPr>
          <a:xfrm>
            <a:off x="1198137" y="5828110"/>
            <a:ext cx="8496944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>
                <a:solidFill>
                  <a:srgbClr val="1D1D1D"/>
                </a:solidFill>
              </a:rPr>
              <a:t>Adjust the ratio between slides and presenter video when viewing a presentation</a:t>
            </a:r>
            <a:r>
              <a:rPr lang="ru-RU" dirty="0">
                <a:solidFill>
                  <a:srgbClr val="1D1D1D"/>
                </a:solidFill>
              </a:rPr>
              <a:t>.</a:t>
            </a:r>
            <a:endParaRPr lang="ru-RU" dirty="0"/>
          </a:p>
        </p:txBody>
      </p:sp>
      <p:pic>
        <p:nvPicPr>
          <p:cNvPr id="16" name="Рисунок 15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14786" y="1969287"/>
            <a:ext cx="7120344" cy="2988465"/>
          </a:xfrm>
          <a:prstGeom prst="rect">
            <a:avLst/>
          </a:prstGeom>
        </p:spPr>
      </p:pic>
      <p:pic>
        <p:nvPicPr>
          <p:cNvPr id="18" name="Picture 1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95306" y="3294078"/>
            <a:ext cx="1043040" cy="634107"/>
          </a:xfrm>
          <a:prstGeom prst="rect">
            <a:avLst/>
          </a:prstGeom>
        </p:spPr>
      </p:pic>
      <p:pic>
        <p:nvPicPr>
          <p:cNvPr id="9" name="Рисунок 8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13055" y="1481500"/>
            <a:ext cx="7122077" cy="3964037"/>
          </a:xfrm>
          <a:prstGeom prst="rect">
            <a:avLst/>
          </a:prstGeom>
        </p:spPr>
      </p:pic>
      <p:sp>
        <p:nvSpPr>
          <p:cNvPr id="19" name="TextBox 18"/>
          <p:cNvSpPr txBox="1"/>
          <p:nvPr/>
        </p:nvSpPr>
        <p:spPr>
          <a:xfrm>
            <a:off x="2191693" y="5509043"/>
            <a:ext cx="72008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Bef>
                <a:spcPts val="600"/>
              </a:spcBef>
            </a:pPr>
            <a:r>
              <a:rPr lang="en-US" dirty="0"/>
              <a:t>Choose the</a:t>
            </a:r>
            <a:r>
              <a:rPr lang="ru-RU" dirty="0"/>
              <a:t> </a:t>
            </a:r>
            <a:r>
              <a:rPr lang="en-US" dirty="0"/>
              <a:t>Video Lecture Player </a:t>
            </a:r>
            <a:r>
              <a:rPr lang="ru-RU" dirty="0"/>
              <a:t> </a:t>
            </a:r>
            <a:r>
              <a:rPr lang="en-US" dirty="0"/>
              <a:t>from the drop-down list</a:t>
            </a:r>
            <a:r>
              <a:rPr lang="ru-RU" sz="1600" dirty="0"/>
              <a:t>.</a:t>
            </a:r>
            <a:endParaRPr lang="fr-FR" sz="1600" dirty="0"/>
          </a:p>
        </p:txBody>
      </p:sp>
    </p:spTree>
    <p:extLst>
      <p:ext uri="{BB962C8B-B14F-4D97-AF65-F5344CB8AC3E}">
        <p14:creationId xmlns="" xmlns:p14="http://schemas.microsoft.com/office/powerpoint/2010/main" val="2415271798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med" p14:dur="700" advTm="11000">
        <p:fade/>
      </p:transition>
    </mc:Choice>
    <mc:Fallback>
      <p:transition spd="med" advTm="11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"/>
                            </p:stCondLst>
                            <p:childTnLst>
                              <p:par>
                                <p:cTn id="1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4" grpId="1"/>
      <p:bldP spid="19" grpId="0"/>
    </p:bld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resenter info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1747" y="2060600"/>
            <a:ext cx="5886450" cy="3533775"/>
          </a:xfrm>
          <a:prstGeom prst="rect">
            <a:avLst/>
          </a:prstGeom>
        </p:spPr>
      </p:pic>
      <p:pic>
        <p:nvPicPr>
          <p:cNvPr id="14" name="company logo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1747" y="2060600"/>
            <a:ext cx="5886450" cy="3533775"/>
          </a:xfrm>
          <a:prstGeom prst="rect">
            <a:avLst/>
          </a:prstGeom>
        </p:spPr>
      </p:pic>
      <p:pic>
        <p:nvPicPr>
          <p:cNvPr id="15" name="presenter video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1747" y="2060600"/>
            <a:ext cx="5886450" cy="3533775"/>
          </a:xfrm>
          <a:prstGeom prst="rect">
            <a:avLst/>
          </a:prstGeom>
        </p:spPr>
      </p:pic>
      <p:pic>
        <p:nvPicPr>
          <p:cNvPr id="16" name="colors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1747" y="2060597"/>
            <a:ext cx="5886450" cy="3533775"/>
          </a:xfrm>
          <a:prstGeom prst="rect">
            <a:avLst/>
          </a:prstGeom>
        </p:spPr>
      </p:pic>
      <p:pic>
        <p:nvPicPr>
          <p:cNvPr id="17" name="layout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0476" y="2058364"/>
            <a:ext cx="5886450" cy="3533775"/>
          </a:xfrm>
          <a:prstGeom prst="rect">
            <a:avLst/>
          </a:prstGeom>
        </p:spPr>
      </p:pic>
      <p:pic>
        <p:nvPicPr>
          <p:cNvPr id="18" name="templates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68127" y="2058364"/>
            <a:ext cx="4267200" cy="3533775"/>
          </a:xfrm>
          <a:prstGeom prst="rect">
            <a:avLst/>
          </a:prstGeom>
        </p:spPr>
      </p:pic>
      <p:pic>
        <p:nvPicPr>
          <p:cNvPr id="19" name="chinese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1747" y="2060600"/>
            <a:ext cx="5886450" cy="3533775"/>
          </a:xfrm>
          <a:prstGeom prst="rect">
            <a:avLst/>
          </a:prstGeom>
        </p:spPr>
      </p:pic>
      <p:sp>
        <p:nvSpPr>
          <p:cNvPr id="20" name="Text templates"/>
          <p:cNvSpPr txBox="1"/>
          <p:nvPr/>
        </p:nvSpPr>
        <p:spPr>
          <a:xfrm>
            <a:off x="1193607" y="1981123"/>
            <a:ext cx="1360854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Templates</a:t>
            </a:r>
          </a:p>
        </p:txBody>
      </p:sp>
      <p:sp>
        <p:nvSpPr>
          <p:cNvPr id="21" name="Text layout"/>
          <p:cNvSpPr txBox="1"/>
          <p:nvPr/>
        </p:nvSpPr>
        <p:spPr>
          <a:xfrm>
            <a:off x="1193602" y="2548228"/>
            <a:ext cx="1044314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Layout</a:t>
            </a:r>
          </a:p>
        </p:txBody>
      </p:sp>
      <p:sp>
        <p:nvSpPr>
          <p:cNvPr id="22" name="Text colors"/>
          <p:cNvSpPr txBox="1"/>
          <p:nvPr/>
        </p:nvSpPr>
        <p:spPr>
          <a:xfrm>
            <a:off x="1193609" y="3115333"/>
            <a:ext cx="1006275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Colors</a:t>
            </a:r>
          </a:p>
        </p:txBody>
      </p:sp>
      <p:sp>
        <p:nvSpPr>
          <p:cNvPr id="23" name="Text company logo"/>
          <p:cNvSpPr txBox="1"/>
          <p:nvPr/>
        </p:nvSpPr>
        <p:spPr>
          <a:xfrm>
            <a:off x="1193609" y="4249543"/>
            <a:ext cx="1823265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Company Logo</a:t>
            </a:r>
          </a:p>
        </p:txBody>
      </p:sp>
      <p:sp>
        <p:nvSpPr>
          <p:cNvPr id="24" name="Text presenter info"/>
          <p:cNvSpPr txBox="1"/>
          <p:nvPr/>
        </p:nvSpPr>
        <p:spPr>
          <a:xfrm>
            <a:off x="1193608" y="4816648"/>
            <a:ext cx="1719099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Presenter Info</a:t>
            </a:r>
          </a:p>
        </p:txBody>
      </p:sp>
      <p:sp>
        <p:nvSpPr>
          <p:cNvPr id="25" name="Text text label"/>
          <p:cNvSpPr txBox="1"/>
          <p:nvPr/>
        </p:nvSpPr>
        <p:spPr>
          <a:xfrm>
            <a:off x="1193607" y="5383751"/>
            <a:ext cx="1428480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Text Labels</a:t>
            </a:r>
          </a:p>
        </p:txBody>
      </p:sp>
      <p:sp>
        <p:nvSpPr>
          <p:cNvPr id="26" name="Text presenter video"/>
          <p:cNvSpPr txBox="1"/>
          <p:nvPr/>
        </p:nvSpPr>
        <p:spPr>
          <a:xfrm>
            <a:off x="1193602" y="3682438"/>
            <a:ext cx="1887424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Presenter Video</a:t>
            </a:r>
          </a:p>
        </p:txBody>
      </p:sp>
      <p:sp>
        <p:nvSpPr>
          <p:cNvPr id="28" name="Title"/>
          <p:cNvSpPr txBox="1">
            <a:spLocks/>
          </p:cNvSpPr>
          <p:nvPr/>
        </p:nvSpPr>
        <p:spPr>
          <a:xfrm>
            <a:off x="590650" y="-242614"/>
            <a:ext cx="8888860" cy="858818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endParaRPr lang="fr-FR" sz="3000" dirty="0"/>
          </a:p>
        </p:txBody>
      </p:sp>
      <p:sp>
        <p:nvSpPr>
          <p:cNvPr id="29" name="Arrow templates"/>
          <p:cNvSpPr/>
          <p:nvPr/>
        </p:nvSpPr>
        <p:spPr>
          <a:xfrm rot="2700000">
            <a:off x="1274731" y="2030919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0" name="Arrow layout"/>
          <p:cNvSpPr/>
          <p:nvPr/>
        </p:nvSpPr>
        <p:spPr>
          <a:xfrm rot="2700000">
            <a:off x="1274726" y="2598024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1" name="Arrow colors"/>
          <p:cNvSpPr/>
          <p:nvPr/>
        </p:nvSpPr>
        <p:spPr>
          <a:xfrm rot="2700000">
            <a:off x="1274726" y="3165128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2" name="Arrow pres video"/>
          <p:cNvSpPr/>
          <p:nvPr/>
        </p:nvSpPr>
        <p:spPr>
          <a:xfrm rot="2700000">
            <a:off x="1274726" y="3732232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3" name="Arrow logo"/>
          <p:cNvSpPr/>
          <p:nvPr/>
        </p:nvSpPr>
        <p:spPr>
          <a:xfrm rot="2700000">
            <a:off x="1274726" y="4299336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4" name="Arrow pres info"/>
          <p:cNvSpPr/>
          <p:nvPr/>
        </p:nvSpPr>
        <p:spPr>
          <a:xfrm rot="2700000">
            <a:off x="1274726" y="4866440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5" name="Arrow labels"/>
          <p:cNvSpPr/>
          <p:nvPr/>
        </p:nvSpPr>
        <p:spPr>
          <a:xfrm rot="2700000">
            <a:off x="1274732" y="5433546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44" name="Title 43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>
              <a:lnSpc>
                <a:spcPct val="120000"/>
              </a:lnSpc>
            </a:pPr>
            <a:r>
              <a:rPr lang="en-US" dirty="0">
                <a:solidFill>
                  <a:schemeClr val="tx1">
                    <a:lumMod val="85000"/>
                    <a:lumOff val="15000"/>
                  </a:schemeClr>
                </a:solidFill>
              </a:rPr>
              <a:t>Customize the Universal Player</a:t>
            </a:r>
          </a:p>
        </p:txBody>
      </p:sp>
      <p:sp>
        <p:nvSpPr>
          <p:cNvPr id="45" name="Text Placeholder 44"/>
          <p:cNvSpPr>
            <a:spLocks noGrp="1"/>
          </p:cNvSpPr>
          <p:nvPr>
            <p:ph type="body" sz="quarter" idx="10"/>
          </p:nvPr>
        </p:nvSpPr>
        <p:spPr>
          <a:xfrm>
            <a:off x="622800" y="626400"/>
            <a:ext cx="509602" cy="432048"/>
          </a:xfrm>
        </p:spPr>
        <p:txBody>
          <a:bodyPr>
            <a:noAutofit/>
          </a:bodyPr>
          <a:lstStyle/>
          <a:p>
            <a:r>
              <a:rPr lang="en-US" dirty="0" smtClean="0"/>
              <a:t>12</a:t>
            </a:r>
            <a:endParaRPr lang="en-US" dirty="0"/>
          </a:p>
        </p:txBody>
      </p:sp>
    </p:spTree>
    <p:extLst>
      <p:ext uri="{BB962C8B-B14F-4D97-AF65-F5344CB8AC3E}">
        <p14:creationId xmlns="" xmlns:p14="http://schemas.microsoft.com/office/powerpoint/2010/main" val="1202849758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med" p14:dur="700" advTm="25000">
        <p:fade/>
      </p:transition>
    </mc:Choice>
    <mc:Fallback>
      <p:transition spd="med" advTm="25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6" presetClass="exit" presetSubtype="37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arn(outVertical)">
                                      <p:cBhvr>
                                        <p:cTn id="16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" presetID="16" presetClass="entr" presetSubtype="37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Vertical)">
                                      <p:cBhvr>
                                        <p:cTn id="20" dur="75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2" dur="500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500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28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29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1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6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22" presetClass="exit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42" dur="25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45" dur="500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6" dur="500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7" dur="500"/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1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52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4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5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6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9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22" presetClass="exit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6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9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0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1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74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75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76" dur="500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7" dur="500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8" dur="500"/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82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22" presetClass="exit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8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91" dur="500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2" dur="500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3" dur="500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97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98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0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1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2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4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05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6" fill="hold">
                      <p:stCondLst>
                        <p:cond delay="indefinite"/>
                      </p:stCondLst>
                      <p:childTnLst>
                        <p:par>
                          <p:cTn id="107" fill="hold">
                            <p:stCondLst>
                              <p:cond delay="0"/>
                            </p:stCondLst>
                            <p:childTnLst>
                              <p:par>
                                <p:cTn id="108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22" presetClass="exit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11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14" dur="500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5" dur="500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6" dur="500"/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1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0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121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3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4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5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2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7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8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9" fill="hold">
                      <p:stCondLst>
                        <p:cond delay="indefinite"/>
                      </p:stCondLst>
                      <p:childTnLst>
                        <p:par>
                          <p:cTn id="130" fill="hold">
                            <p:stCondLst>
                              <p:cond delay="0"/>
                            </p:stCondLst>
                            <p:childTnLst>
                              <p:par>
                                <p:cTn id="13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3" dur="75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4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35" dur="500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6" dur="500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7" dur="500"/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3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41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142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4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5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6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8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49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1" grpId="0"/>
      <p:bldP spid="22" grpId="0"/>
      <p:bldP spid="23" grpId="0"/>
      <p:bldP spid="24" grpId="0"/>
      <p:bldP spid="25" grpId="0"/>
      <p:bldP spid="26" grpId="0"/>
      <p:bldP spid="29" grpId="0" animBg="1"/>
      <p:bldP spid="29" grpId="1" animBg="1"/>
      <p:bldP spid="30" grpId="0" animBg="1"/>
      <p:bldP spid="30" grpId="1" animBg="1"/>
      <p:bldP spid="31" grpId="0" animBg="1"/>
      <p:bldP spid="31" grpId="1" animBg="1"/>
      <p:bldP spid="32" grpId="0" animBg="1"/>
      <p:bldP spid="32" grpId="1" animBg="1"/>
      <p:bldP spid="33" grpId="0" animBg="1"/>
      <p:bldP spid="33" grpId="1" animBg="1"/>
      <p:bldP spid="34" grpId="0" animBg="1"/>
      <p:bldP spid="34" grpId="1" animBg="1"/>
      <p:bldP spid="35" grpId="0" animBg="1"/>
    </p:bld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Use the Multi-Device Preview Option</a:t>
            </a:r>
            <a:endParaRPr lang="fr-FR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0"/>
          </p:nvPr>
        </p:nvSpPr>
        <p:spPr>
          <a:xfrm>
            <a:off x="597600" y="633600"/>
            <a:ext cx="575192" cy="457843"/>
          </a:xfrm>
        </p:spPr>
        <p:txBody>
          <a:bodyPr>
            <a:normAutofit/>
          </a:bodyPr>
          <a:lstStyle/>
          <a:p>
            <a:r>
              <a:rPr lang="en-US" dirty="0" smtClean="0"/>
              <a:t>13</a:t>
            </a:r>
            <a:endParaRPr lang="fr-FR" dirty="0"/>
          </a:p>
        </p:txBody>
      </p:sp>
      <p:sp>
        <p:nvSpPr>
          <p:cNvPr id="4" name="TextBox 3"/>
          <p:cNvSpPr txBox="1"/>
          <p:nvPr/>
        </p:nvSpPr>
        <p:spPr>
          <a:xfrm>
            <a:off x="734666" y="1845618"/>
            <a:ext cx="2952328" cy="14219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20000"/>
              </a:lnSpc>
            </a:pPr>
            <a:r>
              <a:rPr lang="en-US" dirty="0" err="1"/>
              <a:t>iSpring’s</a:t>
            </a:r>
            <a:r>
              <a:rPr lang="en-US" dirty="0"/>
              <a:t> preview mode allows you to see exactly how your course will look on different devices:</a:t>
            </a:r>
          </a:p>
        </p:txBody>
      </p:sp>
      <p:sp>
        <p:nvSpPr>
          <p:cNvPr id="11" name="Text desktop"/>
          <p:cNvSpPr txBox="1"/>
          <p:nvPr/>
        </p:nvSpPr>
        <p:spPr>
          <a:xfrm>
            <a:off x="1166716" y="3637307"/>
            <a:ext cx="1278435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Desktops</a:t>
            </a:r>
          </a:p>
        </p:txBody>
      </p:sp>
      <p:sp>
        <p:nvSpPr>
          <p:cNvPr id="12" name="Arrow desktop"/>
          <p:cNvSpPr/>
          <p:nvPr/>
        </p:nvSpPr>
        <p:spPr>
          <a:xfrm rot="2700000">
            <a:off x="1247838" y="3687103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3" name="Text tablet"/>
          <p:cNvSpPr txBox="1"/>
          <p:nvPr/>
        </p:nvSpPr>
        <p:spPr>
          <a:xfrm>
            <a:off x="1166716" y="4143402"/>
            <a:ext cx="1066471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Tablets</a:t>
            </a:r>
          </a:p>
        </p:txBody>
      </p:sp>
      <p:sp>
        <p:nvSpPr>
          <p:cNvPr id="14" name="Arrow tablet"/>
          <p:cNvSpPr/>
          <p:nvPr/>
        </p:nvSpPr>
        <p:spPr>
          <a:xfrm rot="2700000">
            <a:off x="1247838" y="4193198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5" name="Text smartphone"/>
          <p:cNvSpPr txBox="1"/>
          <p:nvPr/>
        </p:nvSpPr>
        <p:spPr>
          <a:xfrm>
            <a:off x="1166714" y="4649497"/>
            <a:ext cx="1652028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Smartphones</a:t>
            </a:r>
          </a:p>
        </p:txBody>
      </p:sp>
      <p:sp>
        <p:nvSpPr>
          <p:cNvPr id="16" name="Arrow smartphone"/>
          <p:cNvSpPr/>
          <p:nvPr/>
        </p:nvSpPr>
        <p:spPr>
          <a:xfrm rot="2700000">
            <a:off x="1247838" y="4699293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pic>
        <p:nvPicPr>
          <p:cNvPr id="19" name="smartphone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4402896" y="1660178"/>
            <a:ext cx="5524417" cy="454053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8" name="tablet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4402896" y="1660178"/>
            <a:ext cx="5524417" cy="454053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7" name="PC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4402894" y="1660176"/>
            <a:ext cx="5524418" cy="454053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="" xmlns:p14="http://schemas.microsoft.com/office/powerpoint/2010/main" val="3494070153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med" p14:dur="700" advTm="20000">
        <p:fade/>
      </p:transition>
    </mc:Choice>
    <mc:Fallback>
      <p:transition spd="med" advTm="20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9" dur="500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500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25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26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3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40" dur="5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5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5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46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47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9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0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1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4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/>
      <p:bldP spid="12" grpId="0" animBg="1"/>
      <p:bldP spid="12" grpId="1" animBg="1"/>
      <p:bldP spid="13" grpId="0"/>
      <p:bldP spid="14" grpId="0" animBg="1"/>
      <p:bldP spid="14" grpId="1" animBg="1"/>
      <p:bldP spid="15" grpId="0"/>
      <p:bldP spid="16" grpId="0" animBg="1"/>
    </p:bld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Рисунок 7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746207" y="-76493"/>
            <a:ext cx="12466802" cy="7012575"/>
          </a:xfrm>
          <a:prstGeom prst="rect">
            <a:avLst/>
          </a:prstGeom>
        </p:spPr>
      </p:pic>
      <p:grpSp>
        <p:nvGrpSpPr>
          <p:cNvPr id="3" name="Group 2"/>
          <p:cNvGrpSpPr/>
          <p:nvPr/>
        </p:nvGrpSpPr>
        <p:grpSpPr>
          <a:xfrm>
            <a:off x="3577321" y="6104446"/>
            <a:ext cx="3422041" cy="340402"/>
            <a:chOff x="2354704" y="6032301"/>
            <a:chExt cx="3422041" cy="340402"/>
          </a:xfrm>
        </p:grpSpPr>
        <p:sp>
          <p:nvSpPr>
            <p:cNvPr id="4" name="TextBox 8"/>
            <p:cNvSpPr txBox="1"/>
            <p:nvPr/>
          </p:nvSpPr>
          <p:spPr>
            <a:xfrm>
              <a:off x="2354704" y="6032301"/>
              <a:ext cx="2274848" cy="33855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1600" dirty="0">
                  <a:solidFill>
                    <a:schemeClr val="accent2">
                      <a:lumMod val="20000"/>
                      <a:lumOff val="80000"/>
                    </a:schemeClr>
                  </a:solidFill>
                  <a:latin typeface="Segoe UI" panose="020B0502040204020203" pitchFamily="34" charset="0"/>
                  <a:ea typeface="Segoe UI" panose="020B0502040204020203" pitchFamily="34" charset="0"/>
                  <a:cs typeface="Segoe UI" panose="020B0502040204020203" pitchFamily="34" charset="0"/>
                </a:rPr>
                <a:t>Have a great time with </a:t>
              </a:r>
            </a:p>
          </p:txBody>
        </p:sp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=""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557543" y="6072078"/>
              <a:ext cx="1219202" cy="300625"/>
            </a:xfrm>
            <a:prstGeom prst="rect">
              <a:avLst/>
            </a:prstGeom>
          </p:spPr>
        </p:pic>
      </p:grpSp>
      <p:sp>
        <p:nvSpPr>
          <p:cNvPr id="6" name="Title 5"/>
          <p:cNvSpPr>
            <a:spLocks noGrp="1"/>
          </p:cNvSpPr>
          <p:nvPr/>
        </p:nvSpPr>
        <p:spPr>
          <a:xfrm>
            <a:off x="1825923" y="836712"/>
            <a:ext cx="7405687" cy="864096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3600" dirty="0">
                <a:solidFill>
                  <a:srgbClr val="F9EEED"/>
                </a:solidFill>
              </a:rPr>
              <a:t>Would you like to learn more?</a:t>
            </a:r>
            <a:endParaRPr lang="ru-RU" sz="3600" dirty="0">
              <a:solidFill>
                <a:srgbClr val="F9EEED"/>
              </a:solidFill>
            </a:endParaRPr>
          </a:p>
        </p:txBody>
      </p:sp>
      <p:sp>
        <p:nvSpPr>
          <p:cNvPr id="7" name="Title 5"/>
          <p:cNvSpPr txBox="1">
            <a:spLocks/>
          </p:cNvSpPr>
          <p:nvPr/>
        </p:nvSpPr>
        <p:spPr>
          <a:xfrm>
            <a:off x="1825925" y="1484784"/>
            <a:ext cx="7405687" cy="864096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2800" dirty="0">
                <a:solidFill>
                  <a:srgbClr val="F9EEED"/>
                </a:solidFill>
              </a:rPr>
              <a:t>Check out </a:t>
            </a:r>
            <a:r>
              <a:rPr lang="en-US" sz="2800" dirty="0" err="1">
                <a:solidFill>
                  <a:srgbClr val="F9EEED"/>
                </a:solidFill>
              </a:rPr>
              <a:t>iSpring’s</a:t>
            </a:r>
            <a:r>
              <a:rPr lang="en-US" sz="2800" dirty="0">
                <a:solidFill>
                  <a:srgbClr val="F9EEED"/>
                </a:solidFill>
              </a:rPr>
              <a:t> helpful resources.</a:t>
            </a:r>
            <a:endParaRPr lang="ru-RU" sz="2800" dirty="0">
              <a:solidFill>
                <a:srgbClr val="F9EEED"/>
              </a:solidFill>
            </a:endParaRPr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61375" y="3239436"/>
            <a:ext cx="871758" cy="869574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39076" y="3313721"/>
            <a:ext cx="945365" cy="721004"/>
          </a:xfrm>
          <a:prstGeom prst="rect">
            <a:avLst/>
          </a:prstGeom>
        </p:spPr>
      </p:pic>
      <p:sp>
        <p:nvSpPr>
          <p:cNvPr id="11" name="TextBox 10"/>
          <p:cNvSpPr txBox="1"/>
          <p:nvPr/>
        </p:nvSpPr>
        <p:spPr>
          <a:xfrm>
            <a:off x="1166716" y="4253026"/>
            <a:ext cx="209008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Video Tutorials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4189199" y="4253026"/>
            <a:ext cx="252213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Community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7519115" y="4253026"/>
            <a:ext cx="215628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Knowledge Base</a:t>
            </a:r>
          </a:p>
        </p:txBody>
      </p:sp>
      <p:sp>
        <p:nvSpPr>
          <p:cNvPr id="14" name="Rectangle 13"/>
          <p:cNvSpPr/>
          <p:nvPr/>
        </p:nvSpPr>
        <p:spPr>
          <a:xfrm>
            <a:off x="3903018" y="3357786"/>
            <a:ext cx="18000" cy="1188000"/>
          </a:xfrm>
          <a:prstGeom prst="rect">
            <a:avLst/>
          </a:prstGeom>
          <a:solidFill>
            <a:srgbClr val="FBD8CD">
              <a:alpha val="32941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 dirty="0"/>
          </a:p>
        </p:txBody>
      </p:sp>
      <p:sp>
        <p:nvSpPr>
          <p:cNvPr id="16" name="Rectangle 15"/>
          <p:cNvSpPr/>
          <p:nvPr/>
        </p:nvSpPr>
        <p:spPr>
          <a:xfrm>
            <a:off x="6981362" y="3357786"/>
            <a:ext cx="18000" cy="1188000"/>
          </a:xfrm>
          <a:prstGeom prst="rect">
            <a:avLst/>
          </a:prstGeom>
          <a:solidFill>
            <a:srgbClr val="FBD8CD">
              <a:alpha val="32941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 dirty="0"/>
          </a:p>
        </p:txBody>
      </p:sp>
      <p:sp>
        <p:nvSpPr>
          <p:cNvPr id="15" name="link to video">
            <a:hlinkClick r:id="rId8"/>
          </p:cNvPr>
          <p:cNvSpPr/>
          <p:nvPr/>
        </p:nvSpPr>
        <p:spPr>
          <a:xfrm>
            <a:off x="1166714" y="2925738"/>
            <a:ext cx="2508542" cy="192614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7" name="link to community">
            <a:hlinkClick r:id="rId9"/>
          </p:cNvPr>
          <p:cNvSpPr/>
          <p:nvPr/>
        </p:nvSpPr>
        <p:spPr>
          <a:xfrm>
            <a:off x="4202788" y="3071651"/>
            <a:ext cx="2508542" cy="192614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8" name="link to kb">
            <a:hlinkClick r:id="rId10"/>
          </p:cNvPr>
          <p:cNvSpPr/>
          <p:nvPr/>
        </p:nvSpPr>
        <p:spPr>
          <a:xfrm>
            <a:off x="7371140" y="3045203"/>
            <a:ext cx="2508542" cy="192614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9" name="Picture 18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64179" y="3313721"/>
            <a:ext cx="972171" cy="7343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="" xmlns:p14="http://schemas.microsoft.com/office/powerpoint/2010/main" val="2103976993"/>
      </p:ext>
    </p:extLst>
  </p:cSld>
  <p:clrMapOvr>
    <a:masterClrMapping/>
  </p:clrMapOvr>
  <mc:AlternateContent xmlns:mc="http://schemas.openxmlformats.org/markup-compatibility/2006">
    <mc:Choice xmlns="" xmlns:p14="http://schemas.microsoft.com/office/powerpoint/2010/main" Requires="p14">
      <p:transition spd="med" p14:dur="700">
        <p:fade/>
      </p:transition>
    </mc:Choice>
    <mc:Fallback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143794" y="457994"/>
            <a:ext cx="8991600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Ổn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ịnh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ổ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ức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: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ẻ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ải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ghiệm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nếm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quả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ú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sữa</a:t>
            </a:r>
            <a:endParaRPr lang="en-US" sz="3200" b="1" dirty="0" smtClean="0">
              <a:latin typeface="Times New Roman" pitchFamily="18" charset="0"/>
              <a:ea typeface="Times New Roman" pitchFamily="18" charset="0"/>
              <a:cs typeface="Times New Roman" pitchFamily="18" charset="0"/>
            </a:endParaRPr>
          </a:p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sz="24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 </a:t>
            </a:r>
          </a:p>
        </p:txBody>
      </p:sp>
      <p:pic>
        <p:nvPicPr>
          <p:cNvPr id="3" name="Picture 2" descr="anh vu sua 1.jfif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67594" y="1219993"/>
            <a:ext cx="8991600" cy="4800601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219994" y="534194"/>
            <a:ext cx="8382000" cy="144655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oạt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ộng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1: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ể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huyện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diễn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ảm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uyện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“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Sự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ích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ây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ú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sữa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”. Audio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ghi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lời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kể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của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giáo</a:t>
            </a:r>
            <a:r>
              <a:rPr lang="en-US" sz="32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32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viên</a:t>
            </a:r>
            <a:endParaRPr lang="en-US" sz="3200" b="1" dirty="0" smtClean="0">
              <a:latin typeface="Times New Roman" pitchFamily="18" charset="0"/>
              <a:ea typeface="Times New Roman" pitchFamily="18" charset="0"/>
              <a:cs typeface="Times New Roman" pitchFamily="18" charset="0"/>
            </a:endParaRPr>
          </a:p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sz="24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 </a:t>
            </a:r>
          </a:p>
        </p:txBody>
      </p:sp>
      <p:pic>
        <p:nvPicPr>
          <p:cNvPr id="3" name="Picture 6" descr="5"/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304006" y="4344194"/>
            <a:ext cx="1809059" cy="273430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" name="Picture 7" descr="5"/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0800000">
            <a:off x="9381623" y="-124626"/>
            <a:ext cx="1809059" cy="273430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19"/>
          <p:cNvGrpSpPr>
            <a:grpSpLocks/>
          </p:cNvGrpSpPr>
          <p:nvPr/>
        </p:nvGrpSpPr>
        <p:grpSpPr bwMode="auto">
          <a:xfrm flipH="1" flipV="1">
            <a:off x="218631" y="0"/>
            <a:ext cx="1620437" cy="2134094"/>
            <a:chOff x="4368" y="2880"/>
            <a:chExt cx="1200" cy="1289"/>
          </a:xfrm>
        </p:grpSpPr>
        <p:sp>
          <p:nvSpPr>
            <p:cNvPr id="6" name="Freeform 20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7" name="Freeform 21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8" name="Freeform 22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9" name="Freeform 23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0" name="Freeform 24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1" name="Freeform 25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12" name="Freeform 26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13" name="Group 27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14" name="Picture 2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5" name="Picture 2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6" name="Picture 3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7" name="Picture 3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8" name="Picture 3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19" name="Picture 3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0" name="Picture 3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1" name="Picture 35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22" name="Picture 3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grpSp>
        <p:nvGrpSpPr>
          <p:cNvPr id="23" name="Group 37"/>
          <p:cNvGrpSpPr>
            <a:grpSpLocks/>
          </p:cNvGrpSpPr>
          <p:nvPr/>
        </p:nvGrpSpPr>
        <p:grpSpPr bwMode="auto">
          <a:xfrm rot="10800000" flipH="1" flipV="1">
            <a:off x="9220994" y="4572281"/>
            <a:ext cx="1620437" cy="2210312"/>
            <a:chOff x="4368" y="2880"/>
            <a:chExt cx="1200" cy="1289"/>
          </a:xfrm>
        </p:grpSpPr>
        <p:sp>
          <p:nvSpPr>
            <p:cNvPr id="24" name="Freeform 38"/>
            <p:cNvSpPr>
              <a:spLocks/>
            </p:cNvSpPr>
            <p:nvPr/>
          </p:nvSpPr>
          <p:spPr bwMode="auto">
            <a:xfrm>
              <a:off x="4819" y="3639"/>
              <a:ext cx="669" cy="393"/>
            </a:xfrm>
            <a:custGeom>
              <a:avLst/>
              <a:gdLst>
                <a:gd name="T0" fmla="*/ 0 w 1337"/>
                <a:gd name="T1" fmla="*/ 0 h 1572"/>
                <a:gd name="T2" fmla="*/ 1 w 1337"/>
                <a:gd name="T3" fmla="*/ 0 h 1572"/>
                <a:gd name="T4" fmla="*/ 1 w 1337"/>
                <a:gd name="T5" fmla="*/ 0 h 1572"/>
                <a:gd name="T6" fmla="*/ 1 w 1337"/>
                <a:gd name="T7" fmla="*/ 0 h 1572"/>
                <a:gd name="T8" fmla="*/ 1 w 1337"/>
                <a:gd name="T9" fmla="*/ 0 h 1572"/>
                <a:gd name="T10" fmla="*/ 1 w 1337"/>
                <a:gd name="T11" fmla="*/ 0 h 1572"/>
                <a:gd name="T12" fmla="*/ 1 w 1337"/>
                <a:gd name="T13" fmla="*/ 0 h 1572"/>
                <a:gd name="T14" fmla="*/ 1 w 1337"/>
                <a:gd name="T15" fmla="*/ 0 h 1572"/>
                <a:gd name="T16" fmla="*/ 1 w 1337"/>
                <a:gd name="T17" fmla="*/ 0 h 1572"/>
                <a:gd name="T18" fmla="*/ 1 w 1337"/>
                <a:gd name="T19" fmla="*/ 0 h 1572"/>
                <a:gd name="T20" fmla="*/ 1 w 1337"/>
                <a:gd name="T21" fmla="*/ 0 h 1572"/>
                <a:gd name="T22" fmla="*/ 1 w 1337"/>
                <a:gd name="T23" fmla="*/ 0 h 1572"/>
                <a:gd name="T24" fmla="*/ 1 w 1337"/>
                <a:gd name="T25" fmla="*/ 0 h 1572"/>
                <a:gd name="T26" fmla="*/ 1 w 1337"/>
                <a:gd name="T27" fmla="*/ 0 h 1572"/>
                <a:gd name="T28" fmla="*/ 1 w 1337"/>
                <a:gd name="T29" fmla="*/ 0 h 1572"/>
                <a:gd name="T30" fmla="*/ 1 w 1337"/>
                <a:gd name="T31" fmla="*/ 0 h 1572"/>
                <a:gd name="T32" fmla="*/ 1 w 1337"/>
                <a:gd name="T33" fmla="*/ 0 h 1572"/>
                <a:gd name="T34" fmla="*/ 1 w 1337"/>
                <a:gd name="T35" fmla="*/ 0 h 1572"/>
                <a:gd name="T36" fmla="*/ 1 w 1337"/>
                <a:gd name="T37" fmla="*/ 0 h 1572"/>
                <a:gd name="T38" fmla="*/ 1 w 1337"/>
                <a:gd name="T39" fmla="*/ 0 h 1572"/>
                <a:gd name="T40" fmla="*/ 1 w 1337"/>
                <a:gd name="T41" fmla="*/ 0 h 1572"/>
                <a:gd name="T42" fmla="*/ 1 w 1337"/>
                <a:gd name="T43" fmla="*/ 0 h 1572"/>
                <a:gd name="T44" fmla="*/ 1 w 1337"/>
                <a:gd name="T45" fmla="*/ 0 h 1572"/>
                <a:gd name="T46" fmla="*/ 1 w 1337"/>
                <a:gd name="T47" fmla="*/ 0 h 1572"/>
                <a:gd name="T48" fmla="*/ 1 w 1337"/>
                <a:gd name="T49" fmla="*/ 0 h 1572"/>
                <a:gd name="T50" fmla="*/ 1 w 1337"/>
                <a:gd name="T51" fmla="*/ 0 h 1572"/>
                <a:gd name="T52" fmla="*/ 1 w 1337"/>
                <a:gd name="T53" fmla="*/ 0 h 1572"/>
                <a:gd name="T54" fmla="*/ 1 w 1337"/>
                <a:gd name="T55" fmla="*/ 0 h 1572"/>
                <a:gd name="T56" fmla="*/ 1 w 1337"/>
                <a:gd name="T57" fmla="*/ 0 h 1572"/>
                <a:gd name="T58" fmla="*/ 1 w 1337"/>
                <a:gd name="T59" fmla="*/ 0 h 1572"/>
                <a:gd name="T60" fmla="*/ 1 w 1337"/>
                <a:gd name="T61" fmla="*/ 0 h 1572"/>
                <a:gd name="T62" fmla="*/ 1 w 1337"/>
                <a:gd name="T63" fmla="*/ 0 h 1572"/>
                <a:gd name="T64" fmla="*/ 1 w 1337"/>
                <a:gd name="T65" fmla="*/ 0 h 1572"/>
                <a:gd name="T66" fmla="*/ 0 w 1337"/>
                <a:gd name="T67" fmla="*/ 0 h 1572"/>
                <a:gd name="T68" fmla="*/ 0 w 1337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7"/>
                <a:gd name="T106" fmla="*/ 0 h 1572"/>
                <a:gd name="T107" fmla="*/ 1337 w 1337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7" h="1572">
                  <a:moveTo>
                    <a:pt x="0" y="1572"/>
                  </a:moveTo>
                  <a:lnTo>
                    <a:pt x="136" y="1565"/>
                  </a:lnTo>
                  <a:lnTo>
                    <a:pt x="269" y="1541"/>
                  </a:lnTo>
                  <a:lnTo>
                    <a:pt x="398" y="1500"/>
                  </a:lnTo>
                  <a:lnTo>
                    <a:pt x="521" y="1447"/>
                  </a:lnTo>
                  <a:lnTo>
                    <a:pt x="637" y="1382"/>
                  </a:lnTo>
                  <a:lnTo>
                    <a:pt x="748" y="1304"/>
                  </a:lnTo>
                  <a:lnTo>
                    <a:pt x="850" y="1213"/>
                  </a:lnTo>
                  <a:lnTo>
                    <a:pt x="946" y="1112"/>
                  </a:lnTo>
                  <a:lnTo>
                    <a:pt x="1032" y="999"/>
                  </a:lnTo>
                  <a:lnTo>
                    <a:pt x="1109" y="879"/>
                  </a:lnTo>
                  <a:lnTo>
                    <a:pt x="1176" y="749"/>
                  </a:lnTo>
                  <a:lnTo>
                    <a:pt x="1231" y="612"/>
                  </a:lnTo>
                  <a:lnTo>
                    <a:pt x="1276" y="468"/>
                  </a:lnTo>
                  <a:lnTo>
                    <a:pt x="1311" y="316"/>
                  </a:lnTo>
                  <a:lnTo>
                    <a:pt x="1331" y="160"/>
                  </a:lnTo>
                  <a:lnTo>
                    <a:pt x="1337" y="0"/>
                  </a:lnTo>
                  <a:lnTo>
                    <a:pt x="1245" y="0"/>
                  </a:lnTo>
                  <a:lnTo>
                    <a:pt x="1238" y="149"/>
                  </a:lnTo>
                  <a:lnTo>
                    <a:pt x="1221" y="297"/>
                  </a:lnTo>
                  <a:lnTo>
                    <a:pt x="1189" y="436"/>
                  </a:lnTo>
                  <a:lnTo>
                    <a:pt x="1148" y="570"/>
                  </a:lnTo>
                  <a:lnTo>
                    <a:pt x="1094" y="698"/>
                  </a:lnTo>
                  <a:lnTo>
                    <a:pt x="1033" y="817"/>
                  </a:lnTo>
                  <a:lnTo>
                    <a:pt x="961" y="931"/>
                  </a:lnTo>
                  <a:lnTo>
                    <a:pt x="881" y="1035"/>
                  </a:lnTo>
                  <a:lnTo>
                    <a:pt x="793" y="1130"/>
                  </a:lnTo>
                  <a:lnTo>
                    <a:pt x="696" y="1214"/>
                  </a:lnTo>
                  <a:lnTo>
                    <a:pt x="594" y="1286"/>
                  </a:lnTo>
                  <a:lnTo>
                    <a:pt x="485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8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5" name="Freeform 39"/>
            <p:cNvSpPr>
              <a:spLocks/>
            </p:cNvSpPr>
            <p:nvPr/>
          </p:nvSpPr>
          <p:spPr bwMode="auto">
            <a:xfrm>
              <a:off x="4819" y="3639"/>
              <a:ext cx="588" cy="346"/>
            </a:xfrm>
            <a:custGeom>
              <a:avLst/>
              <a:gdLst>
                <a:gd name="T0" fmla="*/ 1 w 1176"/>
                <a:gd name="T1" fmla="*/ 0 h 1382"/>
                <a:gd name="T2" fmla="*/ 1 w 1176"/>
                <a:gd name="T3" fmla="*/ 0 h 1382"/>
                <a:gd name="T4" fmla="*/ 1 w 1176"/>
                <a:gd name="T5" fmla="*/ 0 h 1382"/>
                <a:gd name="T6" fmla="*/ 1 w 1176"/>
                <a:gd name="T7" fmla="*/ 0 h 1382"/>
                <a:gd name="T8" fmla="*/ 1 w 1176"/>
                <a:gd name="T9" fmla="*/ 0 h 1382"/>
                <a:gd name="T10" fmla="*/ 1 w 1176"/>
                <a:gd name="T11" fmla="*/ 0 h 1382"/>
                <a:gd name="T12" fmla="*/ 1 w 1176"/>
                <a:gd name="T13" fmla="*/ 0 h 1382"/>
                <a:gd name="T14" fmla="*/ 1 w 1176"/>
                <a:gd name="T15" fmla="*/ 0 h 1382"/>
                <a:gd name="T16" fmla="*/ 1 w 1176"/>
                <a:gd name="T17" fmla="*/ 0 h 1382"/>
                <a:gd name="T18" fmla="*/ 1 w 1176"/>
                <a:gd name="T19" fmla="*/ 0 h 1382"/>
                <a:gd name="T20" fmla="*/ 1 w 1176"/>
                <a:gd name="T21" fmla="*/ 0 h 1382"/>
                <a:gd name="T22" fmla="*/ 1 w 1176"/>
                <a:gd name="T23" fmla="*/ 0 h 1382"/>
                <a:gd name="T24" fmla="*/ 1 w 1176"/>
                <a:gd name="T25" fmla="*/ 0 h 1382"/>
                <a:gd name="T26" fmla="*/ 1 w 1176"/>
                <a:gd name="T27" fmla="*/ 0 h 1382"/>
                <a:gd name="T28" fmla="*/ 1 w 1176"/>
                <a:gd name="T29" fmla="*/ 0 h 1382"/>
                <a:gd name="T30" fmla="*/ 1 w 1176"/>
                <a:gd name="T31" fmla="*/ 0 h 1382"/>
                <a:gd name="T32" fmla="*/ 0 w 1176"/>
                <a:gd name="T33" fmla="*/ 0 h 1382"/>
                <a:gd name="T34" fmla="*/ 0 w 1176"/>
                <a:gd name="T35" fmla="*/ 0 h 1382"/>
                <a:gd name="T36" fmla="*/ 1 w 1176"/>
                <a:gd name="T37" fmla="*/ 0 h 1382"/>
                <a:gd name="T38" fmla="*/ 1 w 1176"/>
                <a:gd name="T39" fmla="*/ 0 h 1382"/>
                <a:gd name="T40" fmla="*/ 1 w 1176"/>
                <a:gd name="T41" fmla="*/ 0 h 1382"/>
                <a:gd name="T42" fmla="*/ 1 w 1176"/>
                <a:gd name="T43" fmla="*/ 0 h 1382"/>
                <a:gd name="T44" fmla="*/ 1 w 1176"/>
                <a:gd name="T45" fmla="*/ 0 h 1382"/>
                <a:gd name="T46" fmla="*/ 1 w 1176"/>
                <a:gd name="T47" fmla="*/ 0 h 1382"/>
                <a:gd name="T48" fmla="*/ 1 w 1176"/>
                <a:gd name="T49" fmla="*/ 0 h 1382"/>
                <a:gd name="T50" fmla="*/ 1 w 1176"/>
                <a:gd name="T51" fmla="*/ 0 h 1382"/>
                <a:gd name="T52" fmla="*/ 1 w 1176"/>
                <a:gd name="T53" fmla="*/ 0 h 1382"/>
                <a:gd name="T54" fmla="*/ 1 w 1176"/>
                <a:gd name="T55" fmla="*/ 0 h 1382"/>
                <a:gd name="T56" fmla="*/ 1 w 1176"/>
                <a:gd name="T57" fmla="*/ 0 h 1382"/>
                <a:gd name="T58" fmla="*/ 1 w 1176"/>
                <a:gd name="T59" fmla="*/ 0 h 1382"/>
                <a:gd name="T60" fmla="*/ 1 w 1176"/>
                <a:gd name="T61" fmla="*/ 0 h 1382"/>
                <a:gd name="T62" fmla="*/ 1 w 1176"/>
                <a:gd name="T63" fmla="*/ 0 h 1382"/>
                <a:gd name="T64" fmla="*/ 1 w 1176"/>
                <a:gd name="T65" fmla="*/ 0 h 1382"/>
                <a:gd name="T66" fmla="*/ 1 w 1176"/>
                <a:gd name="T67" fmla="*/ 0 h 1382"/>
                <a:gd name="T68" fmla="*/ 1 w 1176"/>
                <a:gd name="T69" fmla="*/ 0 h 138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2"/>
                <a:gd name="T107" fmla="*/ 1176 w 1176"/>
                <a:gd name="T108" fmla="*/ 1382 h 138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2">
                  <a:moveTo>
                    <a:pt x="1083" y="0"/>
                  </a:moveTo>
                  <a:lnTo>
                    <a:pt x="1078" y="131"/>
                  </a:lnTo>
                  <a:lnTo>
                    <a:pt x="1062" y="257"/>
                  </a:lnTo>
                  <a:lnTo>
                    <a:pt x="1036" y="379"/>
                  </a:lnTo>
                  <a:lnTo>
                    <a:pt x="999" y="495"/>
                  </a:lnTo>
                  <a:lnTo>
                    <a:pt x="953" y="607"/>
                  </a:lnTo>
                  <a:lnTo>
                    <a:pt x="898" y="713"/>
                  </a:lnTo>
                  <a:lnTo>
                    <a:pt x="836" y="811"/>
                  </a:lnTo>
                  <a:lnTo>
                    <a:pt x="767" y="901"/>
                  </a:lnTo>
                  <a:lnTo>
                    <a:pt x="691" y="982"/>
                  </a:lnTo>
                  <a:lnTo>
                    <a:pt x="606" y="1056"/>
                  </a:lnTo>
                  <a:lnTo>
                    <a:pt x="516" y="1120"/>
                  </a:lnTo>
                  <a:lnTo>
                    <a:pt x="421" y="1174"/>
                  </a:lnTo>
                  <a:lnTo>
                    <a:pt x="322" y="1217"/>
                  </a:lnTo>
                  <a:lnTo>
                    <a:pt x="219" y="1248"/>
                  </a:lnTo>
                  <a:lnTo>
                    <a:pt x="111" y="1267"/>
                  </a:lnTo>
                  <a:lnTo>
                    <a:pt x="0" y="1274"/>
                  </a:lnTo>
                  <a:lnTo>
                    <a:pt x="0" y="1382"/>
                  </a:lnTo>
                  <a:lnTo>
                    <a:pt x="120" y="1376"/>
                  </a:lnTo>
                  <a:lnTo>
                    <a:pt x="236" y="1353"/>
                  </a:lnTo>
                  <a:lnTo>
                    <a:pt x="349" y="1320"/>
                  </a:lnTo>
                  <a:lnTo>
                    <a:pt x="456" y="1274"/>
                  </a:lnTo>
                  <a:lnTo>
                    <a:pt x="560" y="1216"/>
                  </a:lnTo>
                  <a:lnTo>
                    <a:pt x="658" y="1145"/>
                  </a:lnTo>
                  <a:lnTo>
                    <a:pt x="748" y="1066"/>
                  </a:lnTo>
                  <a:lnTo>
                    <a:pt x="831" y="977"/>
                  </a:lnTo>
                  <a:lnTo>
                    <a:pt x="907" y="879"/>
                  </a:lnTo>
                  <a:lnTo>
                    <a:pt x="975" y="773"/>
                  </a:lnTo>
                  <a:lnTo>
                    <a:pt x="1034" y="659"/>
                  </a:lnTo>
                  <a:lnTo>
                    <a:pt x="1083" y="536"/>
                  </a:lnTo>
                  <a:lnTo>
                    <a:pt x="1123" y="410"/>
                  </a:lnTo>
                  <a:lnTo>
                    <a:pt x="1151" y="277"/>
                  </a:lnTo>
                  <a:lnTo>
                    <a:pt x="1170" y="141"/>
                  </a:lnTo>
                  <a:lnTo>
                    <a:pt x="1176" y="0"/>
                  </a:lnTo>
                  <a:lnTo>
                    <a:pt x="1083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6" name="Freeform 40"/>
            <p:cNvSpPr>
              <a:spLocks/>
            </p:cNvSpPr>
            <p:nvPr/>
          </p:nvSpPr>
          <p:spPr bwMode="auto">
            <a:xfrm>
              <a:off x="4819" y="3639"/>
              <a:ext cx="507" cy="298"/>
            </a:xfrm>
            <a:custGeom>
              <a:avLst/>
              <a:gdLst>
                <a:gd name="T0" fmla="*/ 1 w 1014"/>
                <a:gd name="T1" fmla="*/ 0 h 1193"/>
                <a:gd name="T2" fmla="*/ 1 w 1014"/>
                <a:gd name="T3" fmla="*/ 0 h 1193"/>
                <a:gd name="T4" fmla="*/ 1 w 1014"/>
                <a:gd name="T5" fmla="*/ 0 h 1193"/>
                <a:gd name="T6" fmla="*/ 1 w 1014"/>
                <a:gd name="T7" fmla="*/ 0 h 1193"/>
                <a:gd name="T8" fmla="*/ 1 w 1014"/>
                <a:gd name="T9" fmla="*/ 0 h 1193"/>
                <a:gd name="T10" fmla="*/ 1 w 1014"/>
                <a:gd name="T11" fmla="*/ 0 h 1193"/>
                <a:gd name="T12" fmla="*/ 1 w 1014"/>
                <a:gd name="T13" fmla="*/ 0 h 1193"/>
                <a:gd name="T14" fmla="*/ 1 w 1014"/>
                <a:gd name="T15" fmla="*/ 0 h 1193"/>
                <a:gd name="T16" fmla="*/ 1 w 1014"/>
                <a:gd name="T17" fmla="*/ 0 h 1193"/>
                <a:gd name="T18" fmla="*/ 1 w 1014"/>
                <a:gd name="T19" fmla="*/ 0 h 1193"/>
                <a:gd name="T20" fmla="*/ 1 w 1014"/>
                <a:gd name="T21" fmla="*/ 0 h 1193"/>
                <a:gd name="T22" fmla="*/ 1 w 1014"/>
                <a:gd name="T23" fmla="*/ 0 h 1193"/>
                <a:gd name="T24" fmla="*/ 1 w 1014"/>
                <a:gd name="T25" fmla="*/ 0 h 1193"/>
                <a:gd name="T26" fmla="*/ 1 w 1014"/>
                <a:gd name="T27" fmla="*/ 0 h 1193"/>
                <a:gd name="T28" fmla="*/ 1 w 1014"/>
                <a:gd name="T29" fmla="*/ 0 h 1193"/>
                <a:gd name="T30" fmla="*/ 1 w 1014"/>
                <a:gd name="T31" fmla="*/ 0 h 1193"/>
                <a:gd name="T32" fmla="*/ 0 w 1014"/>
                <a:gd name="T33" fmla="*/ 0 h 1193"/>
                <a:gd name="T34" fmla="*/ 0 w 1014"/>
                <a:gd name="T35" fmla="*/ 0 h 1193"/>
                <a:gd name="T36" fmla="*/ 1 w 1014"/>
                <a:gd name="T37" fmla="*/ 0 h 1193"/>
                <a:gd name="T38" fmla="*/ 1 w 1014"/>
                <a:gd name="T39" fmla="*/ 0 h 1193"/>
                <a:gd name="T40" fmla="*/ 1 w 1014"/>
                <a:gd name="T41" fmla="*/ 0 h 1193"/>
                <a:gd name="T42" fmla="*/ 1 w 1014"/>
                <a:gd name="T43" fmla="*/ 0 h 1193"/>
                <a:gd name="T44" fmla="*/ 1 w 1014"/>
                <a:gd name="T45" fmla="*/ 0 h 1193"/>
                <a:gd name="T46" fmla="*/ 1 w 1014"/>
                <a:gd name="T47" fmla="*/ 0 h 1193"/>
                <a:gd name="T48" fmla="*/ 1 w 1014"/>
                <a:gd name="T49" fmla="*/ 0 h 1193"/>
                <a:gd name="T50" fmla="*/ 1 w 1014"/>
                <a:gd name="T51" fmla="*/ 0 h 1193"/>
                <a:gd name="T52" fmla="*/ 1 w 1014"/>
                <a:gd name="T53" fmla="*/ 0 h 1193"/>
                <a:gd name="T54" fmla="*/ 1 w 1014"/>
                <a:gd name="T55" fmla="*/ 0 h 1193"/>
                <a:gd name="T56" fmla="*/ 1 w 1014"/>
                <a:gd name="T57" fmla="*/ 0 h 1193"/>
                <a:gd name="T58" fmla="*/ 1 w 1014"/>
                <a:gd name="T59" fmla="*/ 0 h 1193"/>
                <a:gd name="T60" fmla="*/ 1 w 1014"/>
                <a:gd name="T61" fmla="*/ 0 h 1193"/>
                <a:gd name="T62" fmla="*/ 1 w 1014"/>
                <a:gd name="T63" fmla="*/ 0 h 1193"/>
                <a:gd name="T64" fmla="*/ 1 w 1014"/>
                <a:gd name="T65" fmla="*/ 0 h 1193"/>
                <a:gd name="T66" fmla="*/ 1 w 1014"/>
                <a:gd name="T67" fmla="*/ 0 h 1193"/>
                <a:gd name="T68" fmla="*/ 1 w 1014"/>
                <a:gd name="T69" fmla="*/ 0 h 119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4"/>
                <a:gd name="T106" fmla="*/ 0 h 1193"/>
                <a:gd name="T107" fmla="*/ 1014 w 1014"/>
                <a:gd name="T108" fmla="*/ 1193 h 119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4" h="1193">
                  <a:moveTo>
                    <a:pt x="922" y="0"/>
                  </a:moveTo>
                  <a:lnTo>
                    <a:pt x="916" y="112"/>
                  </a:lnTo>
                  <a:lnTo>
                    <a:pt x="904" y="220"/>
                  </a:lnTo>
                  <a:lnTo>
                    <a:pt x="881" y="322"/>
                  </a:lnTo>
                  <a:lnTo>
                    <a:pt x="850" y="423"/>
                  </a:lnTo>
                  <a:lnTo>
                    <a:pt x="810" y="517"/>
                  </a:lnTo>
                  <a:lnTo>
                    <a:pt x="764" y="607"/>
                  </a:lnTo>
                  <a:lnTo>
                    <a:pt x="711" y="691"/>
                  </a:lnTo>
                  <a:lnTo>
                    <a:pt x="651" y="767"/>
                  </a:lnTo>
                  <a:lnTo>
                    <a:pt x="587" y="838"/>
                  </a:lnTo>
                  <a:lnTo>
                    <a:pt x="515" y="899"/>
                  </a:lnTo>
                  <a:lnTo>
                    <a:pt x="439" y="953"/>
                  </a:lnTo>
                  <a:lnTo>
                    <a:pt x="359" y="1000"/>
                  </a:lnTo>
                  <a:lnTo>
                    <a:pt x="275" y="1037"/>
                  </a:lnTo>
                  <a:lnTo>
                    <a:pt x="186" y="1064"/>
                  </a:lnTo>
                  <a:lnTo>
                    <a:pt x="95" y="1078"/>
                  </a:lnTo>
                  <a:lnTo>
                    <a:pt x="0" y="1085"/>
                  </a:lnTo>
                  <a:lnTo>
                    <a:pt x="0" y="1193"/>
                  </a:lnTo>
                  <a:lnTo>
                    <a:pt x="104" y="1187"/>
                  </a:lnTo>
                  <a:lnTo>
                    <a:pt x="202" y="1169"/>
                  </a:lnTo>
                  <a:lnTo>
                    <a:pt x="302" y="1139"/>
                  </a:lnTo>
                  <a:lnTo>
                    <a:pt x="394" y="1100"/>
                  </a:lnTo>
                  <a:lnTo>
                    <a:pt x="483" y="1049"/>
                  </a:lnTo>
                  <a:lnTo>
                    <a:pt x="567" y="989"/>
                  </a:lnTo>
                  <a:lnTo>
                    <a:pt x="644" y="921"/>
                  </a:lnTo>
                  <a:lnTo>
                    <a:pt x="717" y="844"/>
                  </a:lnTo>
                  <a:lnTo>
                    <a:pt x="781" y="759"/>
                  </a:lnTo>
                  <a:lnTo>
                    <a:pt x="840" y="667"/>
                  </a:lnTo>
                  <a:lnTo>
                    <a:pt x="892" y="569"/>
                  </a:lnTo>
                  <a:lnTo>
                    <a:pt x="933" y="465"/>
                  </a:lnTo>
                  <a:lnTo>
                    <a:pt x="968" y="355"/>
                  </a:lnTo>
                  <a:lnTo>
                    <a:pt x="993" y="239"/>
                  </a:lnTo>
                  <a:lnTo>
                    <a:pt x="1008" y="122"/>
                  </a:lnTo>
                  <a:lnTo>
                    <a:pt x="1014" y="0"/>
                  </a:lnTo>
                  <a:lnTo>
                    <a:pt x="922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7" name="Freeform 41"/>
            <p:cNvSpPr>
              <a:spLocks/>
            </p:cNvSpPr>
            <p:nvPr/>
          </p:nvSpPr>
          <p:spPr bwMode="auto">
            <a:xfrm>
              <a:off x="4586" y="3776"/>
              <a:ext cx="635" cy="374"/>
            </a:xfrm>
            <a:custGeom>
              <a:avLst/>
              <a:gdLst>
                <a:gd name="T0" fmla="*/ 0 w 1272"/>
                <a:gd name="T1" fmla="*/ 0 h 1495"/>
                <a:gd name="T2" fmla="*/ 0 w 1272"/>
                <a:gd name="T3" fmla="*/ 0 h 1495"/>
                <a:gd name="T4" fmla="*/ 0 w 1272"/>
                <a:gd name="T5" fmla="*/ 0 h 1495"/>
                <a:gd name="T6" fmla="*/ 0 w 1272"/>
                <a:gd name="T7" fmla="*/ 0 h 1495"/>
                <a:gd name="T8" fmla="*/ 0 w 1272"/>
                <a:gd name="T9" fmla="*/ 0 h 1495"/>
                <a:gd name="T10" fmla="*/ 0 w 1272"/>
                <a:gd name="T11" fmla="*/ 0 h 1495"/>
                <a:gd name="T12" fmla="*/ 0 w 1272"/>
                <a:gd name="T13" fmla="*/ 0 h 1495"/>
                <a:gd name="T14" fmla="*/ 0 w 1272"/>
                <a:gd name="T15" fmla="*/ 0 h 1495"/>
                <a:gd name="T16" fmla="*/ 0 w 1272"/>
                <a:gd name="T17" fmla="*/ 0 h 1495"/>
                <a:gd name="T18" fmla="*/ 0 w 1272"/>
                <a:gd name="T19" fmla="*/ 0 h 1495"/>
                <a:gd name="T20" fmla="*/ 0 w 1272"/>
                <a:gd name="T21" fmla="*/ 0 h 1495"/>
                <a:gd name="T22" fmla="*/ 0 w 1272"/>
                <a:gd name="T23" fmla="*/ 0 h 1495"/>
                <a:gd name="T24" fmla="*/ 0 w 1272"/>
                <a:gd name="T25" fmla="*/ 0 h 1495"/>
                <a:gd name="T26" fmla="*/ 0 w 1272"/>
                <a:gd name="T27" fmla="*/ 0 h 1495"/>
                <a:gd name="T28" fmla="*/ 0 w 1272"/>
                <a:gd name="T29" fmla="*/ 0 h 1495"/>
                <a:gd name="T30" fmla="*/ 0 w 1272"/>
                <a:gd name="T31" fmla="*/ 0 h 1495"/>
                <a:gd name="T32" fmla="*/ 0 w 1272"/>
                <a:gd name="T33" fmla="*/ 0 h 1495"/>
                <a:gd name="T34" fmla="*/ 0 w 1272"/>
                <a:gd name="T35" fmla="*/ 0 h 1495"/>
                <a:gd name="T36" fmla="*/ 0 w 1272"/>
                <a:gd name="T37" fmla="*/ 0 h 1495"/>
                <a:gd name="T38" fmla="*/ 0 w 1272"/>
                <a:gd name="T39" fmla="*/ 0 h 1495"/>
                <a:gd name="T40" fmla="*/ 0 w 1272"/>
                <a:gd name="T41" fmla="*/ 0 h 1495"/>
                <a:gd name="T42" fmla="*/ 0 w 1272"/>
                <a:gd name="T43" fmla="*/ 0 h 1495"/>
                <a:gd name="T44" fmla="*/ 0 w 1272"/>
                <a:gd name="T45" fmla="*/ 0 h 1495"/>
                <a:gd name="T46" fmla="*/ 0 w 1272"/>
                <a:gd name="T47" fmla="*/ 0 h 1495"/>
                <a:gd name="T48" fmla="*/ 0 w 1272"/>
                <a:gd name="T49" fmla="*/ 0 h 1495"/>
                <a:gd name="T50" fmla="*/ 0 w 1272"/>
                <a:gd name="T51" fmla="*/ 0 h 1495"/>
                <a:gd name="T52" fmla="*/ 0 w 1272"/>
                <a:gd name="T53" fmla="*/ 0 h 1495"/>
                <a:gd name="T54" fmla="*/ 0 w 1272"/>
                <a:gd name="T55" fmla="*/ 0 h 1495"/>
                <a:gd name="T56" fmla="*/ 0 w 1272"/>
                <a:gd name="T57" fmla="*/ 0 h 1495"/>
                <a:gd name="T58" fmla="*/ 0 w 1272"/>
                <a:gd name="T59" fmla="*/ 0 h 1495"/>
                <a:gd name="T60" fmla="*/ 0 w 1272"/>
                <a:gd name="T61" fmla="*/ 0 h 1495"/>
                <a:gd name="T62" fmla="*/ 0 w 1272"/>
                <a:gd name="T63" fmla="*/ 0 h 1495"/>
                <a:gd name="T64" fmla="*/ 0 w 1272"/>
                <a:gd name="T65" fmla="*/ 0 h 1495"/>
                <a:gd name="T66" fmla="*/ 0 w 1272"/>
                <a:gd name="T67" fmla="*/ 0 h 1495"/>
                <a:gd name="T68" fmla="*/ 0 w 1272"/>
                <a:gd name="T69" fmla="*/ 0 h 1495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272"/>
                <a:gd name="T106" fmla="*/ 0 h 1495"/>
                <a:gd name="T107" fmla="*/ 1272 w 1272"/>
                <a:gd name="T108" fmla="*/ 1495 h 1495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272" h="1495">
                  <a:moveTo>
                    <a:pt x="989" y="0"/>
                  </a:moveTo>
                  <a:lnTo>
                    <a:pt x="984" y="121"/>
                  </a:lnTo>
                  <a:lnTo>
                    <a:pt x="969" y="236"/>
                  </a:lnTo>
                  <a:lnTo>
                    <a:pt x="945" y="348"/>
                  </a:lnTo>
                  <a:lnTo>
                    <a:pt x="913" y="452"/>
                  </a:lnTo>
                  <a:lnTo>
                    <a:pt x="871" y="554"/>
                  </a:lnTo>
                  <a:lnTo>
                    <a:pt x="820" y="650"/>
                  </a:lnTo>
                  <a:lnTo>
                    <a:pt x="764" y="742"/>
                  </a:lnTo>
                  <a:lnTo>
                    <a:pt x="700" y="823"/>
                  </a:lnTo>
                  <a:lnTo>
                    <a:pt x="632" y="897"/>
                  </a:lnTo>
                  <a:lnTo>
                    <a:pt x="553" y="964"/>
                  </a:lnTo>
                  <a:lnTo>
                    <a:pt x="472" y="1023"/>
                  </a:lnTo>
                  <a:lnTo>
                    <a:pt x="385" y="1072"/>
                  </a:lnTo>
                  <a:lnTo>
                    <a:pt x="295" y="1111"/>
                  </a:lnTo>
                  <a:lnTo>
                    <a:pt x="201" y="1139"/>
                  </a:lnTo>
                  <a:lnTo>
                    <a:pt x="102" y="1157"/>
                  </a:lnTo>
                  <a:lnTo>
                    <a:pt x="0" y="1162"/>
                  </a:lnTo>
                  <a:lnTo>
                    <a:pt x="0" y="1495"/>
                  </a:lnTo>
                  <a:lnTo>
                    <a:pt x="130" y="1487"/>
                  </a:lnTo>
                  <a:lnTo>
                    <a:pt x="254" y="1463"/>
                  </a:lnTo>
                  <a:lnTo>
                    <a:pt x="377" y="1428"/>
                  </a:lnTo>
                  <a:lnTo>
                    <a:pt x="493" y="1376"/>
                  </a:lnTo>
                  <a:lnTo>
                    <a:pt x="605" y="1314"/>
                  </a:lnTo>
                  <a:lnTo>
                    <a:pt x="711" y="1239"/>
                  </a:lnTo>
                  <a:lnTo>
                    <a:pt x="807" y="1153"/>
                  </a:lnTo>
                  <a:lnTo>
                    <a:pt x="899" y="1057"/>
                  </a:lnTo>
                  <a:lnTo>
                    <a:pt x="980" y="950"/>
                  </a:lnTo>
                  <a:lnTo>
                    <a:pt x="1054" y="837"/>
                  </a:lnTo>
                  <a:lnTo>
                    <a:pt x="1117" y="712"/>
                  </a:lnTo>
                  <a:lnTo>
                    <a:pt x="1171" y="581"/>
                  </a:lnTo>
                  <a:lnTo>
                    <a:pt x="1214" y="444"/>
                  </a:lnTo>
                  <a:lnTo>
                    <a:pt x="1244" y="300"/>
                  </a:lnTo>
                  <a:lnTo>
                    <a:pt x="1264" y="152"/>
                  </a:lnTo>
                  <a:lnTo>
                    <a:pt x="1272" y="0"/>
                  </a:lnTo>
                  <a:lnTo>
                    <a:pt x="98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8" name="Freeform 42"/>
            <p:cNvSpPr>
              <a:spLocks/>
            </p:cNvSpPr>
            <p:nvPr/>
          </p:nvSpPr>
          <p:spPr bwMode="auto">
            <a:xfrm>
              <a:off x="4586" y="3776"/>
              <a:ext cx="669" cy="393"/>
            </a:xfrm>
            <a:custGeom>
              <a:avLst/>
              <a:gdLst>
                <a:gd name="T0" fmla="*/ 0 w 1338"/>
                <a:gd name="T1" fmla="*/ 0 h 1572"/>
                <a:gd name="T2" fmla="*/ 1 w 1338"/>
                <a:gd name="T3" fmla="*/ 0 h 1572"/>
                <a:gd name="T4" fmla="*/ 1 w 1338"/>
                <a:gd name="T5" fmla="*/ 0 h 1572"/>
                <a:gd name="T6" fmla="*/ 1 w 1338"/>
                <a:gd name="T7" fmla="*/ 0 h 1572"/>
                <a:gd name="T8" fmla="*/ 1 w 1338"/>
                <a:gd name="T9" fmla="*/ 0 h 1572"/>
                <a:gd name="T10" fmla="*/ 1 w 1338"/>
                <a:gd name="T11" fmla="*/ 0 h 1572"/>
                <a:gd name="T12" fmla="*/ 1 w 1338"/>
                <a:gd name="T13" fmla="*/ 0 h 1572"/>
                <a:gd name="T14" fmla="*/ 1 w 1338"/>
                <a:gd name="T15" fmla="*/ 0 h 1572"/>
                <a:gd name="T16" fmla="*/ 1 w 1338"/>
                <a:gd name="T17" fmla="*/ 0 h 1572"/>
                <a:gd name="T18" fmla="*/ 1 w 1338"/>
                <a:gd name="T19" fmla="*/ 0 h 1572"/>
                <a:gd name="T20" fmla="*/ 1 w 1338"/>
                <a:gd name="T21" fmla="*/ 0 h 1572"/>
                <a:gd name="T22" fmla="*/ 1 w 1338"/>
                <a:gd name="T23" fmla="*/ 0 h 1572"/>
                <a:gd name="T24" fmla="*/ 1 w 1338"/>
                <a:gd name="T25" fmla="*/ 0 h 1572"/>
                <a:gd name="T26" fmla="*/ 1 w 1338"/>
                <a:gd name="T27" fmla="*/ 0 h 1572"/>
                <a:gd name="T28" fmla="*/ 1 w 1338"/>
                <a:gd name="T29" fmla="*/ 0 h 1572"/>
                <a:gd name="T30" fmla="*/ 1 w 1338"/>
                <a:gd name="T31" fmla="*/ 0 h 1572"/>
                <a:gd name="T32" fmla="*/ 1 w 1338"/>
                <a:gd name="T33" fmla="*/ 0 h 1572"/>
                <a:gd name="T34" fmla="*/ 1 w 1338"/>
                <a:gd name="T35" fmla="*/ 0 h 1572"/>
                <a:gd name="T36" fmla="*/ 1 w 1338"/>
                <a:gd name="T37" fmla="*/ 0 h 1572"/>
                <a:gd name="T38" fmla="*/ 1 w 1338"/>
                <a:gd name="T39" fmla="*/ 0 h 1572"/>
                <a:gd name="T40" fmla="*/ 1 w 1338"/>
                <a:gd name="T41" fmla="*/ 0 h 1572"/>
                <a:gd name="T42" fmla="*/ 1 w 1338"/>
                <a:gd name="T43" fmla="*/ 0 h 1572"/>
                <a:gd name="T44" fmla="*/ 1 w 1338"/>
                <a:gd name="T45" fmla="*/ 0 h 1572"/>
                <a:gd name="T46" fmla="*/ 1 w 1338"/>
                <a:gd name="T47" fmla="*/ 0 h 1572"/>
                <a:gd name="T48" fmla="*/ 1 w 1338"/>
                <a:gd name="T49" fmla="*/ 0 h 1572"/>
                <a:gd name="T50" fmla="*/ 1 w 1338"/>
                <a:gd name="T51" fmla="*/ 0 h 1572"/>
                <a:gd name="T52" fmla="*/ 1 w 1338"/>
                <a:gd name="T53" fmla="*/ 0 h 1572"/>
                <a:gd name="T54" fmla="*/ 1 w 1338"/>
                <a:gd name="T55" fmla="*/ 0 h 1572"/>
                <a:gd name="T56" fmla="*/ 1 w 1338"/>
                <a:gd name="T57" fmla="*/ 0 h 1572"/>
                <a:gd name="T58" fmla="*/ 1 w 1338"/>
                <a:gd name="T59" fmla="*/ 0 h 1572"/>
                <a:gd name="T60" fmla="*/ 1 w 1338"/>
                <a:gd name="T61" fmla="*/ 0 h 1572"/>
                <a:gd name="T62" fmla="*/ 1 w 1338"/>
                <a:gd name="T63" fmla="*/ 0 h 1572"/>
                <a:gd name="T64" fmla="*/ 1 w 1338"/>
                <a:gd name="T65" fmla="*/ 0 h 1572"/>
                <a:gd name="T66" fmla="*/ 0 w 1338"/>
                <a:gd name="T67" fmla="*/ 0 h 1572"/>
                <a:gd name="T68" fmla="*/ 0 w 1338"/>
                <a:gd name="T69" fmla="*/ 0 h 1572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338"/>
                <a:gd name="T106" fmla="*/ 0 h 1572"/>
                <a:gd name="T107" fmla="*/ 1338 w 1338"/>
                <a:gd name="T108" fmla="*/ 1572 h 1572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338" h="1572">
                  <a:moveTo>
                    <a:pt x="0" y="1572"/>
                  </a:moveTo>
                  <a:lnTo>
                    <a:pt x="137" y="1564"/>
                  </a:lnTo>
                  <a:lnTo>
                    <a:pt x="271" y="1540"/>
                  </a:lnTo>
                  <a:lnTo>
                    <a:pt x="399" y="1501"/>
                  </a:lnTo>
                  <a:lnTo>
                    <a:pt x="521" y="1448"/>
                  </a:lnTo>
                  <a:lnTo>
                    <a:pt x="638" y="1382"/>
                  </a:lnTo>
                  <a:lnTo>
                    <a:pt x="749" y="1304"/>
                  </a:lnTo>
                  <a:lnTo>
                    <a:pt x="850" y="1213"/>
                  </a:lnTo>
                  <a:lnTo>
                    <a:pt x="947" y="1112"/>
                  </a:lnTo>
                  <a:lnTo>
                    <a:pt x="1033" y="999"/>
                  </a:lnTo>
                  <a:lnTo>
                    <a:pt x="1110" y="879"/>
                  </a:lnTo>
                  <a:lnTo>
                    <a:pt x="1176" y="749"/>
                  </a:lnTo>
                  <a:lnTo>
                    <a:pt x="1232" y="612"/>
                  </a:lnTo>
                  <a:lnTo>
                    <a:pt x="1277" y="468"/>
                  </a:lnTo>
                  <a:lnTo>
                    <a:pt x="1311" y="316"/>
                  </a:lnTo>
                  <a:lnTo>
                    <a:pt x="1332" y="160"/>
                  </a:lnTo>
                  <a:lnTo>
                    <a:pt x="1338" y="0"/>
                  </a:lnTo>
                  <a:lnTo>
                    <a:pt x="1246" y="0"/>
                  </a:lnTo>
                  <a:lnTo>
                    <a:pt x="1240" y="150"/>
                  </a:lnTo>
                  <a:lnTo>
                    <a:pt x="1221" y="297"/>
                  </a:lnTo>
                  <a:lnTo>
                    <a:pt x="1190" y="436"/>
                  </a:lnTo>
                  <a:lnTo>
                    <a:pt x="1148" y="571"/>
                  </a:lnTo>
                  <a:lnTo>
                    <a:pt x="1095" y="698"/>
                  </a:lnTo>
                  <a:lnTo>
                    <a:pt x="1034" y="818"/>
                  </a:lnTo>
                  <a:lnTo>
                    <a:pt x="962" y="931"/>
                  </a:lnTo>
                  <a:lnTo>
                    <a:pt x="882" y="1036"/>
                  </a:lnTo>
                  <a:lnTo>
                    <a:pt x="794" y="1130"/>
                  </a:lnTo>
                  <a:lnTo>
                    <a:pt x="697" y="1215"/>
                  </a:lnTo>
                  <a:lnTo>
                    <a:pt x="595" y="1286"/>
                  </a:lnTo>
                  <a:lnTo>
                    <a:pt x="486" y="1348"/>
                  </a:lnTo>
                  <a:lnTo>
                    <a:pt x="372" y="1398"/>
                  </a:lnTo>
                  <a:lnTo>
                    <a:pt x="253" y="1435"/>
                  </a:lnTo>
                  <a:lnTo>
                    <a:pt x="129" y="1455"/>
                  </a:lnTo>
                  <a:lnTo>
                    <a:pt x="0" y="1464"/>
                  </a:lnTo>
                  <a:lnTo>
                    <a:pt x="0" y="1572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29" name="Freeform 43"/>
            <p:cNvSpPr>
              <a:spLocks/>
            </p:cNvSpPr>
            <p:nvPr/>
          </p:nvSpPr>
          <p:spPr bwMode="auto">
            <a:xfrm>
              <a:off x="4586" y="3776"/>
              <a:ext cx="588" cy="346"/>
            </a:xfrm>
            <a:custGeom>
              <a:avLst/>
              <a:gdLst>
                <a:gd name="T0" fmla="*/ 1 w 1176"/>
                <a:gd name="T1" fmla="*/ 0 h 1383"/>
                <a:gd name="T2" fmla="*/ 1 w 1176"/>
                <a:gd name="T3" fmla="*/ 0 h 1383"/>
                <a:gd name="T4" fmla="*/ 1 w 1176"/>
                <a:gd name="T5" fmla="*/ 0 h 1383"/>
                <a:gd name="T6" fmla="*/ 1 w 1176"/>
                <a:gd name="T7" fmla="*/ 0 h 1383"/>
                <a:gd name="T8" fmla="*/ 1 w 1176"/>
                <a:gd name="T9" fmla="*/ 0 h 1383"/>
                <a:gd name="T10" fmla="*/ 1 w 1176"/>
                <a:gd name="T11" fmla="*/ 0 h 1383"/>
                <a:gd name="T12" fmla="*/ 1 w 1176"/>
                <a:gd name="T13" fmla="*/ 0 h 1383"/>
                <a:gd name="T14" fmla="*/ 1 w 1176"/>
                <a:gd name="T15" fmla="*/ 0 h 1383"/>
                <a:gd name="T16" fmla="*/ 1 w 1176"/>
                <a:gd name="T17" fmla="*/ 0 h 1383"/>
                <a:gd name="T18" fmla="*/ 1 w 1176"/>
                <a:gd name="T19" fmla="*/ 0 h 1383"/>
                <a:gd name="T20" fmla="*/ 1 w 1176"/>
                <a:gd name="T21" fmla="*/ 0 h 1383"/>
                <a:gd name="T22" fmla="*/ 1 w 1176"/>
                <a:gd name="T23" fmla="*/ 0 h 1383"/>
                <a:gd name="T24" fmla="*/ 1 w 1176"/>
                <a:gd name="T25" fmla="*/ 0 h 1383"/>
                <a:gd name="T26" fmla="*/ 1 w 1176"/>
                <a:gd name="T27" fmla="*/ 0 h 1383"/>
                <a:gd name="T28" fmla="*/ 1 w 1176"/>
                <a:gd name="T29" fmla="*/ 0 h 1383"/>
                <a:gd name="T30" fmla="*/ 1 w 1176"/>
                <a:gd name="T31" fmla="*/ 0 h 1383"/>
                <a:gd name="T32" fmla="*/ 0 w 1176"/>
                <a:gd name="T33" fmla="*/ 0 h 1383"/>
                <a:gd name="T34" fmla="*/ 0 w 1176"/>
                <a:gd name="T35" fmla="*/ 0 h 1383"/>
                <a:gd name="T36" fmla="*/ 1 w 1176"/>
                <a:gd name="T37" fmla="*/ 0 h 1383"/>
                <a:gd name="T38" fmla="*/ 1 w 1176"/>
                <a:gd name="T39" fmla="*/ 0 h 1383"/>
                <a:gd name="T40" fmla="*/ 1 w 1176"/>
                <a:gd name="T41" fmla="*/ 0 h 1383"/>
                <a:gd name="T42" fmla="*/ 1 w 1176"/>
                <a:gd name="T43" fmla="*/ 0 h 1383"/>
                <a:gd name="T44" fmla="*/ 1 w 1176"/>
                <a:gd name="T45" fmla="*/ 0 h 1383"/>
                <a:gd name="T46" fmla="*/ 1 w 1176"/>
                <a:gd name="T47" fmla="*/ 0 h 1383"/>
                <a:gd name="T48" fmla="*/ 1 w 1176"/>
                <a:gd name="T49" fmla="*/ 0 h 1383"/>
                <a:gd name="T50" fmla="*/ 1 w 1176"/>
                <a:gd name="T51" fmla="*/ 0 h 1383"/>
                <a:gd name="T52" fmla="*/ 1 w 1176"/>
                <a:gd name="T53" fmla="*/ 0 h 1383"/>
                <a:gd name="T54" fmla="*/ 1 w 1176"/>
                <a:gd name="T55" fmla="*/ 0 h 1383"/>
                <a:gd name="T56" fmla="*/ 1 w 1176"/>
                <a:gd name="T57" fmla="*/ 0 h 1383"/>
                <a:gd name="T58" fmla="*/ 1 w 1176"/>
                <a:gd name="T59" fmla="*/ 0 h 1383"/>
                <a:gd name="T60" fmla="*/ 1 w 1176"/>
                <a:gd name="T61" fmla="*/ 0 h 1383"/>
                <a:gd name="T62" fmla="*/ 1 w 1176"/>
                <a:gd name="T63" fmla="*/ 0 h 1383"/>
                <a:gd name="T64" fmla="*/ 1 w 1176"/>
                <a:gd name="T65" fmla="*/ 0 h 1383"/>
                <a:gd name="T66" fmla="*/ 1 w 1176"/>
                <a:gd name="T67" fmla="*/ 0 h 1383"/>
                <a:gd name="T68" fmla="*/ 1 w 1176"/>
                <a:gd name="T69" fmla="*/ 0 h 138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176"/>
                <a:gd name="T106" fmla="*/ 0 h 1383"/>
                <a:gd name="T107" fmla="*/ 1176 w 1176"/>
                <a:gd name="T108" fmla="*/ 1383 h 138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176" h="1383">
                  <a:moveTo>
                    <a:pt x="1084" y="0"/>
                  </a:moveTo>
                  <a:lnTo>
                    <a:pt x="1079" y="131"/>
                  </a:lnTo>
                  <a:lnTo>
                    <a:pt x="1063" y="259"/>
                  </a:lnTo>
                  <a:lnTo>
                    <a:pt x="1037" y="379"/>
                  </a:lnTo>
                  <a:lnTo>
                    <a:pt x="999" y="496"/>
                  </a:lnTo>
                  <a:lnTo>
                    <a:pt x="953" y="607"/>
                  </a:lnTo>
                  <a:lnTo>
                    <a:pt x="900" y="713"/>
                  </a:lnTo>
                  <a:lnTo>
                    <a:pt x="837" y="811"/>
                  </a:lnTo>
                  <a:lnTo>
                    <a:pt x="768" y="901"/>
                  </a:lnTo>
                  <a:lnTo>
                    <a:pt x="692" y="984"/>
                  </a:lnTo>
                  <a:lnTo>
                    <a:pt x="607" y="1058"/>
                  </a:lnTo>
                  <a:lnTo>
                    <a:pt x="517" y="1120"/>
                  </a:lnTo>
                  <a:lnTo>
                    <a:pt x="423" y="1175"/>
                  </a:lnTo>
                  <a:lnTo>
                    <a:pt x="323" y="1220"/>
                  </a:lnTo>
                  <a:lnTo>
                    <a:pt x="220" y="1250"/>
                  </a:lnTo>
                  <a:lnTo>
                    <a:pt x="112" y="1269"/>
                  </a:lnTo>
                  <a:lnTo>
                    <a:pt x="0" y="1275"/>
                  </a:lnTo>
                  <a:lnTo>
                    <a:pt x="0" y="1383"/>
                  </a:lnTo>
                  <a:lnTo>
                    <a:pt x="120" y="1377"/>
                  </a:lnTo>
                  <a:lnTo>
                    <a:pt x="236" y="1354"/>
                  </a:lnTo>
                  <a:lnTo>
                    <a:pt x="350" y="1322"/>
                  </a:lnTo>
                  <a:lnTo>
                    <a:pt x="457" y="1275"/>
                  </a:lnTo>
                  <a:lnTo>
                    <a:pt x="561" y="1216"/>
                  </a:lnTo>
                  <a:lnTo>
                    <a:pt x="659" y="1148"/>
                  </a:lnTo>
                  <a:lnTo>
                    <a:pt x="749" y="1067"/>
                  </a:lnTo>
                  <a:lnTo>
                    <a:pt x="832" y="978"/>
                  </a:lnTo>
                  <a:lnTo>
                    <a:pt x="907" y="879"/>
                  </a:lnTo>
                  <a:lnTo>
                    <a:pt x="976" y="773"/>
                  </a:lnTo>
                  <a:lnTo>
                    <a:pt x="1035" y="659"/>
                  </a:lnTo>
                  <a:lnTo>
                    <a:pt x="1084" y="538"/>
                  </a:lnTo>
                  <a:lnTo>
                    <a:pt x="1124" y="411"/>
                  </a:lnTo>
                  <a:lnTo>
                    <a:pt x="1152" y="278"/>
                  </a:lnTo>
                  <a:lnTo>
                    <a:pt x="1171" y="141"/>
                  </a:lnTo>
                  <a:lnTo>
                    <a:pt x="1176" y="0"/>
                  </a:lnTo>
                  <a:lnTo>
                    <a:pt x="1084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sp>
          <p:nvSpPr>
            <p:cNvPr id="30" name="Freeform 44"/>
            <p:cNvSpPr>
              <a:spLocks/>
            </p:cNvSpPr>
            <p:nvPr/>
          </p:nvSpPr>
          <p:spPr bwMode="auto">
            <a:xfrm>
              <a:off x="4587" y="3771"/>
              <a:ext cx="506" cy="306"/>
            </a:xfrm>
            <a:custGeom>
              <a:avLst/>
              <a:gdLst>
                <a:gd name="T0" fmla="*/ 1 w 1011"/>
                <a:gd name="T1" fmla="*/ 0 h 1223"/>
                <a:gd name="T2" fmla="*/ 1 w 1011"/>
                <a:gd name="T3" fmla="*/ 0 h 1223"/>
                <a:gd name="T4" fmla="*/ 1 w 1011"/>
                <a:gd name="T5" fmla="*/ 0 h 1223"/>
                <a:gd name="T6" fmla="*/ 1 w 1011"/>
                <a:gd name="T7" fmla="*/ 0 h 1223"/>
                <a:gd name="T8" fmla="*/ 1 w 1011"/>
                <a:gd name="T9" fmla="*/ 0 h 1223"/>
                <a:gd name="T10" fmla="*/ 1 w 1011"/>
                <a:gd name="T11" fmla="*/ 0 h 1223"/>
                <a:gd name="T12" fmla="*/ 1 w 1011"/>
                <a:gd name="T13" fmla="*/ 0 h 1223"/>
                <a:gd name="T14" fmla="*/ 1 w 1011"/>
                <a:gd name="T15" fmla="*/ 0 h 1223"/>
                <a:gd name="T16" fmla="*/ 1 w 1011"/>
                <a:gd name="T17" fmla="*/ 0 h 1223"/>
                <a:gd name="T18" fmla="*/ 1 w 1011"/>
                <a:gd name="T19" fmla="*/ 0 h 1223"/>
                <a:gd name="T20" fmla="*/ 1 w 1011"/>
                <a:gd name="T21" fmla="*/ 0 h 1223"/>
                <a:gd name="T22" fmla="*/ 1 w 1011"/>
                <a:gd name="T23" fmla="*/ 0 h 1223"/>
                <a:gd name="T24" fmla="*/ 1 w 1011"/>
                <a:gd name="T25" fmla="*/ 0 h 1223"/>
                <a:gd name="T26" fmla="*/ 1 w 1011"/>
                <a:gd name="T27" fmla="*/ 0 h 1223"/>
                <a:gd name="T28" fmla="*/ 1 w 1011"/>
                <a:gd name="T29" fmla="*/ 0 h 1223"/>
                <a:gd name="T30" fmla="*/ 1 w 1011"/>
                <a:gd name="T31" fmla="*/ 0 h 1223"/>
                <a:gd name="T32" fmla="*/ 0 w 1011"/>
                <a:gd name="T33" fmla="*/ 0 h 1223"/>
                <a:gd name="T34" fmla="*/ 0 w 1011"/>
                <a:gd name="T35" fmla="*/ 0 h 1223"/>
                <a:gd name="T36" fmla="*/ 1 w 1011"/>
                <a:gd name="T37" fmla="*/ 0 h 1223"/>
                <a:gd name="T38" fmla="*/ 1 w 1011"/>
                <a:gd name="T39" fmla="*/ 0 h 1223"/>
                <a:gd name="T40" fmla="*/ 1 w 1011"/>
                <a:gd name="T41" fmla="*/ 0 h 1223"/>
                <a:gd name="T42" fmla="*/ 1 w 1011"/>
                <a:gd name="T43" fmla="*/ 0 h 1223"/>
                <a:gd name="T44" fmla="*/ 1 w 1011"/>
                <a:gd name="T45" fmla="*/ 0 h 1223"/>
                <a:gd name="T46" fmla="*/ 1 w 1011"/>
                <a:gd name="T47" fmla="*/ 0 h 1223"/>
                <a:gd name="T48" fmla="*/ 1 w 1011"/>
                <a:gd name="T49" fmla="*/ 0 h 1223"/>
                <a:gd name="T50" fmla="*/ 1 w 1011"/>
                <a:gd name="T51" fmla="*/ 0 h 1223"/>
                <a:gd name="T52" fmla="*/ 1 w 1011"/>
                <a:gd name="T53" fmla="*/ 0 h 1223"/>
                <a:gd name="T54" fmla="*/ 1 w 1011"/>
                <a:gd name="T55" fmla="*/ 0 h 1223"/>
                <a:gd name="T56" fmla="*/ 1 w 1011"/>
                <a:gd name="T57" fmla="*/ 0 h 1223"/>
                <a:gd name="T58" fmla="*/ 1 w 1011"/>
                <a:gd name="T59" fmla="*/ 0 h 1223"/>
                <a:gd name="T60" fmla="*/ 1 w 1011"/>
                <a:gd name="T61" fmla="*/ 0 h 1223"/>
                <a:gd name="T62" fmla="*/ 1 w 1011"/>
                <a:gd name="T63" fmla="*/ 0 h 1223"/>
                <a:gd name="T64" fmla="*/ 1 w 1011"/>
                <a:gd name="T65" fmla="*/ 0 h 1223"/>
                <a:gd name="T66" fmla="*/ 1 w 1011"/>
                <a:gd name="T67" fmla="*/ 0 h 1223"/>
                <a:gd name="T68" fmla="*/ 1 w 1011"/>
                <a:gd name="T69" fmla="*/ 0 h 1223"/>
                <a:gd name="T70" fmla="*/ 0 60000 65536"/>
                <a:gd name="T71" fmla="*/ 0 60000 65536"/>
                <a:gd name="T72" fmla="*/ 0 60000 65536"/>
                <a:gd name="T73" fmla="*/ 0 60000 65536"/>
                <a:gd name="T74" fmla="*/ 0 60000 65536"/>
                <a:gd name="T75" fmla="*/ 0 60000 65536"/>
                <a:gd name="T76" fmla="*/ 0 60000 65536"/>
                <a:gd name="T77" fmla="*/ 0 60000 65536"/>
                <a:gd name="T78" fmla="*/ 0 60000 65536"/>
                <a:gd name="T79" fmla="*/ 0 60000 65536"/>
                <a:gd name="T80" fmla="*/ 0 60000 65536"/>
                <a:gd name="T81" fmla="*/ 0 60000 65536"/>
                <a:gd name="T82" fmla="*/ 0 60000 65536"/>
                <a:gd name="T83" fmla="*/ 0 60000 65536"/>
                <a:gd name="T84" fmla="*/ 0 60000 65536"/>
                <a:gd name="T85" fmla="*/ 0 60000 65536"/>
                <a:gd name="T86" fmla="*/ 0 60000 65536"/>
                <a:gd name="T87" fmla="*/ 0 60000 65536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w 1011"/>
                <a:gd name="T106" fmla="*/ 0 h 1223"/>
                <a:gd name="T107" fmla="*/ 1011 w 1011"/>
                <a:gd name="T108" fmla="*/ 1223 h 1223"/>
              </a:gdLst>
              <a:ahLst/>
              <a:cxnLst>
                <a:cxn ang="T70">
                  <a:pos x="T0" y="T1"/>
                </a:cxn>
                <a:cxn ang="T71">
                  <a:pos x="T2" y="T3"/>
                </a:cxn>
                <a:cxn ang="T72">
                  <a:pos x="T4" y="T5"/>
                </a:cxn>
                <a:cxn ang="T73">
                  <a:pos x="T6" y="T7"/>
                </a:cxn>
                <a:cxn ang="T74">
                  <a:pos x="T8" y="T9"/>
                </a:cxn>
                <a:cxn ang="T75">
                  <a:pos x="T10" y="T11"/>
                </a:cxn>
                <a:cxn ang="T76">
                  <a:pos x="T12" y="T13"/>
                </a:cxn>
                <a:cxn ang="T77">
                  <a:pos x="T14" y="T15"/>
                </a:cxn>
                <a:cxn ang="T78">
                  <a:pos x="T16" y="T17"/>
                </a:cxn>
                <a:cxn ang="T79">
                  <a:pos x="T18" y="T19"/>
                </a:cxn>
                <a:cxn ang="T80">
                  <a:pos x="T20" y="T21"/>
                </a:cxn>
                <a:cxn ang="T81">
                  <a:pos x="T22" y="T23"/>
                </a:cxn>
                <a:cxn ang="T82">
                  <a:pos x="T24" y="T25"/>
                </a:cxn>
                <a:cxn ang="T83">
                  <a:pos x="T26" y="T27"/>
                </a:cxn>
                <a:cxn ang="T84">
                  <a:pos x="T28" y="T29"/>
                </a:cxn>
                <a:cxn ang="T85">
                  <a:pos x="T30" y="T31"/>
                </a:cxn>
                <a:cxn ang="T86">
                  <a:pos x="T32" y="T33"/>
                </a:cxn>
                <a:cxn ang="T87">
                  <a:pos x="T34" y="T35"/>
                </a:cxn>
                <a:cxn ang="T88">
                  <a:pos x="T36" y="T37"/>
                </a:cxn>
                <a:cxn ang="T89">
                  <a:pos x="T38" y="T39"/>
                </a:cxn>
                <a:cxn ang="T90">
                  <a:pos x="T40" y="T41"/>
                </a:cxn>
                <a:cxn ang="T91">
                  <a:pos x="T42" y="T43"/>
                </a:cxn>
                <a:cxn ang="T92">
                  <a:pos x="T44" y="T45"/>
                </a:cxn>
                <a:cxn ang="T93">
                  <a:pos x="T46" y="T47"/>
                </a:cxn>
                <a:cxn ang="T94">
                  <a:pos x="T48" y="T49"/>
                </a:cxn>
                <a:cxn ang="T95">
                  <a:pos x="T50" y="T51"/>
                </a:cxn>
                <a:cxn ang="T96">
                  <a:pos x="T52" y="T53"/>
                </a:cxn>
                <a:cxn ang="T97">
                  <a:pos x="T54" y="T55"/>
                </a:cxn>
                <a:cxn ang="T98">
                  <a:pos x="T56" y="T57"/>
                </a:cxn>
                <a:cxn ang="T99">
                  <a:pos x="T58" y="T59"/>
                </a:cxn>
                <a:cxn ang="T100">
                  <a:pos x="T60" y="T61"/>
                </a:cxn>
                <a:cxn ang="T101">
                  <a:pos x="T62" y="T63"/>
                </a:cxn>
                <a:cxn ang="T102">
                  <a:pos x="T64" y="T65"/>
                </a:cxn>
                <a:cxn ang="T103">
                  <a:pos x="T66" y="T67"/>
                </a:cxn>
                <a:cxn ang="T104">
                  <a:pos x="T68" y="T69"/>
                </a:cxn>
              </a:cxnLst>
              <a:rect l="T105" t="T106" r="T107" b="T108"/>
              <a:pathLst>
                <a:path w="1011" h="1223">
                  <a:moveTo>
                    <a:pt x="919" y="0"/>
                  </a:moveTo>
                  <a:lnTo>
                    <a:pt x="914" y="112"/>
                  </a:lnTo>
                  <a:lnTo>
                    <a:pt x="902" y="222"/>
                  </a:lnTo>
                  <a:lnTo>
                    <a:pt x="879" y="326"/>
                  </a:lnTo>
                  <a:lnTo>
                    <a:pt x="847" y="428"/>
                  </a:lnTo>
                  <a:lnTo>
                    <a:pt x="808" y="525"/>
                  </a:lnTo>
                  <a:lnTo>
                    <a:pt x="763" y="619"/>
                  </a:lnTo>
                  <a:lnTo>
                    <a:pt x="710" y="703"/>
                  </a:lnTo>
                  <a:lnTo>
                    <a:pt x="650" y="785"/>
                  </a:lnTo>
                  <a:lnTo>
                    <a:pt x="585" y="857"/>
                  </a:lnTo>
                  <a:lnTo>
                    <a:pt x="514" y="920"/>
                  </a:lnTo>
                  <a:lnTo>
                    <a:pt x="438" y="979"/>
                  </a:lnTo>
                  <a:lnTo>
                    <a:pt x="358" y="1026"/>
                  </a:lnTo>
                  <a:lnTo>
                    <a:pt x="274" y="1063"/>
                  </a:lnTo>
                  <a:lnTo>
                    <a:pt x="185" y="1092"/>
                  </a:lnTo>
                  <a:lnTo>
                    <a:pt x="94" y="1109"/>
                  </a:lnTo>
                  <a:lnTo>
                    <a:pt x="0" y="1115"/>
                  </a:lnTo>
                  <a:lnTo>
                    <a:pt x="0" y="1223"/>
                  </a:lnTo>
                  <a:lnTo>
                    <a:pt x="102" y="1217"/>
                  </a:lnTo>
                  <a:lnTo>
                    <a:pt x="204" y="1198"/>
                  </a:lnTo>
                  <a:lnTo>
                    <a:pt x="301" y="1167"/>
                  </a:lnTo>
                  <a:lnTo>
                    <a:pt x="393" y="1125"/>
                  </a:lnTo>
                  <a:lnTo>
                    <a:pt x="482" y="1072"/>
                  </a:lnTo>
                  <a:lnTo>
                    <a:pt x="566" y="1009"/>
                  </a:lnTo>
                  <a:lnTo>
                    <a:pt x="645" y="939"/>
                  </a:lnTo>
                  <a:lnTo>
                    <a:pt x="716" y="858"/>
                  </a:lnTo>
                  <a:lnTo>
                    <a:pt x="781" y="770"/>
                  </a:lnTo>
                  <a:lnTo>
                    <a:pt x="839" y="675"/>
                  </a:lnTo>
                  <a:lnTo>
                    <a:pt x="889" y="573"/>
                  </a:lnTo>
                  <a:lnTo>
                    <a:pt x="932" y="470"/>
                  </a:lnTo>
                  <a:lnTo>
                    <a:pt x="965" y="358"/>
                  </a:lnTo>
                  <a:lnTo>
                    <a:pt x="991" y="240"/>
                  </a:lnTo>
                  <a:lnTo>
                    <a:pt x="1006" y="121"/>
                  </a:lnTo>
                  <a:lnTo>
                    <a:pt x="1011" y="0"/>
                  </a:lnTo>
                  <a:lnTo>
                    <a:pt x="919" y="0"/>
                  </a:lnTo>
                  <a:close/>
                </a:path>
              </a:pathLst>
            </a:custGeom>
            <a:noFill/>
            <a:ln>
              <a:noFill/>
            </a:ln>
            <a:extLst>
              <a:ext uri="{909E8E84-426E-40DD-AFC4-6F175D3DCCD1}">
                <a14:hiddenFill xmlns=""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="" xmlns:a14="http://schemas.microsoft.com/office/drawing/2010/main" w="0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/>
            <a:p>
              <a:endParaRPr lang="en-US"/>
            </a:p>
          </p:txBody>
        </p:sp>
        <p:grpSp>
          <p:nvGrpSpPr>
            <p:cNvPr id="31" name="Group 45"/>
            <p:cNvGrpSpPr>
              <a:grpSpLocks/>
            </p:cNvGrpSpPr>
            <p:nvPr/>
          </p:nvGrpSpPr>
          <p:grpSpPr bwMode="auto">
            <a:xfrm>
              <a:off x="4368" y="2880"/>
              <a:ext cx="1200" cy="1264"/>
              <a:chOff x="3120" y="1632"/>
              <a:chExt cx="2640" cy="2704"/>
            </a:xfrm>
          </p:grpSpPr>
          <p:pic>
            <p:nvPicPr>
              <p:cNvPr id="32" name="Picture 46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608" y="3296"/>
                <a:ext cx="1152" cy="102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3" name="Picture 47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040" y="2352"/>
                <a:ext cx="576" cy="51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4" name="Picture 48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080" y="3696"/>
                <a:ext cx="720" cy="64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5" name="Picture 49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944" y="2784"/>
                <a:ext cx="768" cy="68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6" name="Picture 50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552" y="3808"/>
                <a:ext cx="576" cy="51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7" name="Picture 51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20" y="3888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8" name="Picture 52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06" y="1979"/>
                <a:ext cx="432" cy="38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9" name="Picture 53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5232" y="1632"/>
                <a:ext cx="336" cy="29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40" name="Picture 54" descr="POINTSTA"/>
              <p:cNvPicPr preferRelativeResize="0">
                <a:picLocks noChangeAspect="1" noChangeArrowheads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=""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4368" y="3141"/>
                <a:ext cx="912" cy="81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=""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="" xmlns:a14="http://schemas.microsoft.com/office/drawing/2010/main" w="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pic>
        <p:nvPicPr>
          <p:cNvPr id="41" name="Picture 8" descr="x53122380[1]"/>
          <p:cNvPicPr>
            <a:picLocks noChangeAspect="1" noChangeArrowheads="1" noCrop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1751024" y="5400323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2" name="Picture 8" descr="x53122380[1]"/>
          <p:cNvPicPr>
            <a:picLocks noChangeAspect="1" noChangeArrowheads="1" noCrop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3765145" y="5381061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3" name="Picture 8" descr="x53122380[1]"/>
          <p:cNvPicPr>
            <a:picLocks noChangeAspect="1" noChangeArrowheads="1" noCrop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5746345" y="5381061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4" name="Picture 8" descr="x53122380[1]"/>
          <p:cNvPicPr>
            <a:picLocks noChangeAspect="1" noChangeArrowheads="1" noCrop="1"/>
          </p:cNvPicPr>
          <p:nvPr/>
        </p:nvPicPr>
        <p:blipFill>
          <a:blip r:embed="rId5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7727545" y="5381061"/>
            <a:ext cx="762176" cy="2194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=""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=""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6" name="hoa ke truyen lan 1 00_00_12-.mp4">
            <a:hlinkClick r:id="" action="ppaction://media"/>
          </p:cNvPr>
          <p:cNvPicPr>
            <a:picLocks noRot="1" noChangeAspect="1"/>
          </p:cNvPicPr>
          <p:nvPr>
            <a:videoFile r:link="rId1"/>
          </p:nvPr>
        </p:nvPicPr>
        <p:blipFill>
          <a:blip r:embed="rId6"/>
          <a:stretch>
            <a:fillRect/>
          </a:stretch>
        </p:blipFill>
        <p:spPr>
          <a:xfrm>
            <a:off x="5791994" y="3582194"/>
            <a:ext cx="3048000" cy="2286000"/>
          </a:xfrm>
          <a:prstGeom prst="rect">
            <a:avLst/>
          </a:prstGeom>
        </p:spPr>
      </p:pic>
      <p:pic>
        <p:nvPicPr>
          <p:cNvPr id="47" name="Picture 2" descr="D:\O E luu cong viec\hoa a3 thi huyen\anh truyen cay vu sua\IMG_4420.jpg"/>
          <p:cNvPicPr>
            <a:picLocks noChangeAspect="1" noChangeArrowheads="1"/>
          </p:cNvPicPr>
          <p:nvPr/>
        </p:nvPicPr>
        <p:blipFill>
          <a:blip r:embed="rId7"/>
          <a:srcRect/>
          <a:stretch>
            <a:fillRect/>
          </a:stretch>
        </p:blipFill>
        <p:spPr bwMode="auto">
          <a:xfrm>
            <a:off x="2134394" y="1981994"/>
            <a:ext cx="6781800" cy="3995379"/>
          </a:xfrm>
          <a:prstGeom prst="rect">
            <a:avLst/>
          </a:prstGeom>
          <a:noFill/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4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>
                <p:cTn id="7" fill="hold" display="0">
                  <p:stCondLst>
                    <p:cond delay="indefinite"/>
                  </p:stCondLst>
                  <p:endCondLst>
                    <p:cond evt="onNext" delay="0">
                      <p:tgtEl>
                        <p:sldTgt/>
                      </p:tgtEl>
                    </p:cond>
                    <p:cond evt="onPrev" delay="0">
                      <p:tgtEl>
                        <p:sldTgt/>
                      </p:tgtEl>
                    </p:cond>
                  </p:endCondLst>
                </p:cTn>
                <p:tgtEl>
                  <p:spTgt spid="46"/>
                </p:tgtEl>
              </p:cMediaNode>
            </p:video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677194" y="457994"/>
            <a:ext cx="7767832" cy="70788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indent="40690" defTabSz="1019007" fontAlgn="base">
              <a:spcBef>
                <a:spcPct val="0"/>
              </a:spcBef>
              <a:spcAft>
                <a:spcPct val="0"/>
              </a:spcAft>
              <a:tabLst>
                <a:tab pos="1493129" algn="l"/>
                <a:tab pos="2098164" algn="l"/>
              </a:tabLst>
            </a:pP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Hoạt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ộng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2: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Đàm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hoại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,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rích</a:t>
            </a:r>
            <a:r>
              <a:rPr lang="en-US" sz="4000" b="1" dirty="0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lang="en-US" sz="4000" b="1" dirty="0" err="1" smtClean="0"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dẫn</a:t>
            </a:r>
            <a:endParaRPr lang="en-US" sz="4000" b="1" dirty="0" smtClean="0">
              <a:latin typeface="Times New Roman" pitchFamily="18" charset="0"/>
              <a:ea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Rounded Rectangular Callout 2"/>
          <p:cNvSpPr/>
          <p:nvPr/>
        </p:nvSpPr>
        <p:spPr>
          <a:xfrm>
            <a:off x="259689" y="1364777"/>
            <a:ext cx="10381396" cy="3370996"/>
          </a:xfrm>
          <a:prstGeom prst="wedgeRoundRectCallout">
            <a:avLst>
              <a:gd name="adj1" fmla="val -34637"/>
              <a:gd name="adj2" fmla="val 103796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Rectangle 3"/>
          <p:cNvSpPr/>
          <p:nvPr/>
        </p:nvSpPr>
        <p:spPr>
          <a:xfrm>
            <a:off x="838994" y="1829594"/>
            <a:ext cx="9307356" cy="1938992"/>
          </a:xfrm>
          <a:prstGeom prst="rect">
            <a:avLst/>
          </a:prstGeom>
          <a:noFill/>
        </p:spPr>
        <p:txBody>
          <a:bodyPr wrap="none">
            <a:spAutoFit/>
            <a:scene3d>
              <a:camera prst="orthographicFront"/>
              <a:lightRig rig="soft" dir="tl">
                <a:rot lat="0" lon="0" rev="0"/>
              </a:lightRig>
            </a:scene3d>
            <a:sp3d contourW="25400" prstMaterial="matte">
              <a:bevelT w="25400" h="55880" prst="artDeco"/>
              <a:contourClr>
                <a:schemeClr val="accent2">
                  <a:tint val="20000"/>
                </a:schemeClr>
              </a:contourClr>
            </a:sp3d>
          </a:bodyPr>
          <a:lstStyle/>
          <a:p>
            <a:pPr algn="ctr" eaLnBrk="1" hangingPunct="1">
              <a:defRPr/>
            </a:pP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Câu hỏi 1: </a:t>
            </a:r>
          </a:p>
          <a:p>
            <a:pPr eaLnBrk="1" hangingPunct="1">
              <a:defRPr/>
            </a:pP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- Trong câu chuyện kể về ai?</a:t>
            </a:r>
          </a:p>
          <a:p>
            <a:pPr eaLnBrk="1" hangingPunct="1">
              <a:defRPr/>
            </a:pP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-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Khi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bị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mẹ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mắng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,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cậu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bé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đã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làm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 </a:t>
            </a:r>
            <a:r>
              <a:rPr lang="en-US" sz="4000" b="1" spc="50" dirty="0" err="1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gì</a:t>
            </a:r>
            <a:r>
              <a:rPr lang="en-US" sz="4000" b="1" spc="50" dirty="0" smtClean="0">
                <a:ln w="11430"/>
                <a:solidFill>
                  <a:srgbClr val="7030A0"/>
                </a:solidFill>
                <a:latin typeface="Arial" charset="0"/>
                <a:cs typeface="Arial" charset="0"/>
              </a:rPr>
              <a:t>?</a:t>
            </a:r>
            <a:endParaRPr lang="en-US" sz="4000" b="1" spc="50" dirty="0">
              <a:ln w="11430"/>
              <a:solidFill>
                <a:srgbClr val="7030A0"/>
              </a:solidFill>
              <a:latin typeface="Arial" charset="0"/>
              <a:cs typeface="Arial" charset="0"/>
            </a:endParaRPr>
          </a:p>
        </p:txBody>
      </p:sp>
      <p:pic>
        <p:nvPicPr>
          <p:cNvPr id="7" name="cau hoi 1.mp4.m4a">
            <a:hlinkClick r:id="" action="ppaction://media"/>
          </p:cNvPr>
          <p:cNvPicPr>
            <a:picLocks noRot="1" noChangeAspect="1"/>
          </p:cNvPicPr>
          <p:nvPr>
            <a:audioFile r:link="rId1"/>
          </p:nvPr>
        </p:nvPicPr>
        <p:blipFill>
          <a:blip r:embed="rId3"/>
          <a:stretch>
            <a:fillRect/>
          </a:stretch>
        </p:blipFill>
        <p:spPr>
          <a:xfrm>
            <a:off x="9601994" y="5563394"/>
            <a:ext cx="304800" cy="304800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100000">
                <p:cTn id="7" fill="hold" display="0">
                  <p:stCondLst>
                    <p:cond delay="indefinite"/>
                  </p:stCondLst>
                  <p:endCondLst>
                    <p:cond evt="onNext" delay="0">
                      <p:tgtEl>
                        <p:sldTgt/>
                      </p:tgtEl>
                    </p:cond>
                    <p:cond evt="onPrev" delay="0">
                      <p:tgtEl>
                        <p:sldTgt/>
                      </p:tgtEl>
                    </p:cond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5588648" y="3141492"/>
            <a:ext cx="5385740" cy="3128237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-1" y="3141493"/>
            <a:ext cx="5574903" cy="312823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5588648" y="1"/>
            <a:ext cx="5385740" cy="3141491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-1" y="1"/>
            <a:ext cx="5588649" cy="314149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0" y="6282984"/>
            <a:ext cx="10974388" cy="64648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ó một cậu bé sống cùng mẹ, được mẹ nuông chiều cậu bé rất nghịch ngợm và ham chơi. Một lần bị mẹ mắng </a:t>
            </a:r>
          </a:p>
          <a:p>
            <a:r>
              <a:rPr lang="en-US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ậu bỏ nhà đi, bà mẹ vì quá đau buồn đã lâm bệnh nặng và qua đời.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cxnSp>
        <p:nvCxnSpPr>
          <p:cNvPr id="5" name="Straight Connector 4"/>
          <p:cNvCxnSpPr/>
          <p:nvPr/>
        </p:nvCxnSpPr>
        <p:spPr>
          <a:xfrm>
            <a:off x="5585716" y="0"/>
            <a:ext cx="25674" cy="6282984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Connector 9"/>
          <p:cNvCxnSpPr/>
          <p:nvPr/>
        </p:nvCxnSpPr>
        <p:spPr>
          <a:xfrm>
            <a:off x="0" y="3141492"/>
            <a:ext cx="10974388" cy="0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8" name="Voice 001">
            <a:hlinkClick r:id="" action="ppaction://media"/>
          </p:cNvPr>
          <p:cNvPicPr>
            <a:picLocks noChangeAspect="1"/>
          </p:cNvPicPr>
          <p:nvPr>
            <a:videoFile r:link="rId1"/>
            <p:extLst>
              <p:ext uri="{DAA4B4D4-6D71-4841-9C94-3DE7FCFB9230}">
                <p14:media xmlns:p14="http://schemas.microsoft.com/office/powerpoint/2010/main" xmlns="" r:embed="rId7"/>
              </p:ext>
            </p:extLst>
          </p:nvPr>
        </p:nvPicPr>
        <p:blipFill>
          <a:blip r:embed="rId8" cstate="print"/>
          <a:stretch>
            <a:fillRect/>
          </a:stretch>
        </p:blipFill>
        <p:spPr>
          <a:xfrm>
            <a:off x="10237302" y="6282983"/>
            <a:ext cx="548719" cy="60974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128946259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0557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10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video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ounded Rectangular Callout 1"/>
          <p:cNvSpPr/>
          <p:nvPr/>
        </p:nvSpPr>
        <p:spPr>
          <a:xfrm>
            <a:off x="247934" y="1296194"/>
            <a:ext cx="10420860" cy="3370996"/>
          </a:xfrm>
          <a:prstGeom prst="wedgeRoundRectCallout">
            <a:avLst>
              <a:gd name="adj1" fmla="val -34637"/>
              <a:gd name="adj2" fmla="val 103796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Rectangle 2"/>
          <p:cNvSpPr/>
          <p:nvPr/>
        </p:nvSpPr>
        <p:spPr>
          <a:xfrm>
            <a:off x="381794" y="1600994"/>
            <a:ext cx="10210800" cy="2308324"/>
          </a:xfrm>
          <a:prstGeom prst="rect">
            <a:avLst/>
          </a:prstGeom>
          <a:noFill/>
        </p:spPr>
        <p:txBody>
          <a:bodyPr wrap="square">
            <a:spAutoFit/>
            <a:scene3d>
              <a:camera prst="orthographicFront"/>
              <a:lightRig rig="soft" dir="tl">
                <a:rot lat="0" lon="0" rev="0"/>
              </a:lightRig>
            </a:scene3d>
            <a:sp3d contourW="25400" prstMaterial="matte">
              <a:bevelT w="25400" h="55880" prst="artDeco"/>
              <a:contourClr>
                <a:schemeClr val="accent2">
                  <a:tint val="20000"/>
                </a:schemeClr>
              </a:contourClr>
            </a:sp3d>
          </a:bodyPr>
          <a:lstStyle/>
          <a:p>
            <a:pPr algn="ctr" eaLnBrk="1" hangingPunct="1">
              <a:defRPr/>
            </a:pPr>
            <a:r>
              <a:rPr lang="en-US" sz="36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Câu hỏi 2: </a:t>
            </a:r>
          </a:p>
          <a:p>
            <a:pPr eaLnBrk="1" hangingPunct="1">
              <a:defRPr/>
            </a:pPr>
            <a:r>
              <a:rPr lang="en-US" sz="36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- Vì sao cậu lại tìm đường về nhà?</a:t>
            </a:r>
          </a:p>
          <a:p>
            <a:pPr eaLnBrk="1" hangingPunct="1">
              <a:buFontTx/>
              <a:buChar char="-"/>
              <a:defRPr/>
            </a:pPr>
            <a:r>
              <a:rPr lang="en-US" sz="36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Về</a:t>
            </a:r>
            <a:r>
              <a:rPr lang="en-US" sz="36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đến nhà không thấy mẹ, cậu bé đã </a:t>
            </a:r>
            <a:r>
              <a:rPr lang="en-US" sz="36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làm</a:t>
            </a:r>
            <a:r>
              <a:rPr lang="en-US" sz="36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 </a:t>
            </a:r>
          </a:p>
          <a:p>
            <a:pPr eaLnBrk="1" hangingPunct="1">
              <a:defRPr/>
            </a:pPr>
            <a:r>
              <a:rPr lang="en-US" sz="36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   </a:t>
            </a:r>
            <a:r>
              <a:rPr lang="en-US" sz="3600" b="1" spc="50" dirty="0" err="1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gì</a:t>
            </a:r>
            <a:r>
              <a:rPr lang="en-US" sz="3600" b="1" spc="50" dirty="0" smtClean="0">
                <a:ln w="11430"/>
                <a:solidFill>
                  <a:srgbClr val="7030A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charset="0"/>
                <a:cs typeface="Arial" charset="0"/>
              </a:rPr>
              <a:t>?</a:t>
            </a:r>
            <a:endParaRPr lang="en-US" sz="3600" b="1" spc="50" dirty="0">
              <a:ln w="11430"/>
              <a:solidFill>
                <a:srgbClr val="7030A0"/>
              </a:solidFill>
              <a:effectLst>
                <a:outerShdw blurRad="76200" dist="50800" dir="5400000" algn="tl" rotWithShape="0">
                  <a:srgbClr val="000000">
                    <a:alpha val="65000"/>
                  </a:srgbClr>
                </a:outerShdw>
              </a:effectLst>
              <a:latin typeface="Arial" charset="0"/>
              <a:cs typeface="Arial" charset="0"/>
            </a:endParaRPr>
          </a:p>
        </p:txBody>
      </p:sp>
      <p:pic>
        <p:nvPicPr>
          <p:cNvPr id="4" name="cau hoi 2.mp4.m4a">
            <a:hlinkClick r:id="" action="ppaction://media"/>
          </p:cNvPr>
          <p:cNvPicPr>
            <a:picLocks noRot="1" noChangeAspect="1"/>
          </p:cNvPicPr>
          <p:nvPr>
            <a:audioFile r:link="rId1"/>
          </p:nvPr>
        </p:nvPicPr>
        <p:blipFill>
          <a:blip r:embed="rId3"/>
          <a:stretch>
            <a:fillRect/>
          </a:stretch>
        </p:blipFill>
        <p:spPr>
          <a:xfrm>
            <a:off x="10059194" y="6020594"/>
            <a:ext cx="304800" cy="304800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100000">
                <p:cTn id="7" fill="hold" display="0">
                  <p:stCondLst>
                    <p:cond delay="indefinite"/>
                  </p:stCondLst>
                  <p:endCondLst>
                    <p:cond evt="onNext" delay="0">
                      <p:tgtEl>
                        <p:sldTgt/>
                      </p:tgtEl>
                    </p:cond>
                    <p:cond evt="onPrev" delay="0">
                      <p:tgtEl>
                        <p:sldTgt/>
                      </p:tgtEl>
                    </p:cond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5367906" y="3000088"/>
            <a:ext cx="5606482" cy="3282895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5367907" y="1"/>
            <a:ext cx="5606481" cy="2998726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-2" y="1"/>
            <a:ext cx="5367907" cy="299872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>
            <a:off x="-4" y="3000089"/>
            <a:ext cx="5367909" cy="3282895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0" y="6282984"/>
            <a:ext cx="10974388" cy="64648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ậu bỏ đi rất lâu, một hôm vừa đói vừa mệt lại bị trẻ lớn bắt nạt. Lúc này cậu mới nghĩ đến mẹ, cậu quyết định </a:t>
            </a:r>
          </a:p>
          <a:p>
            <a:r>
              <a:rPr lang="en-US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ìm đường về nhà. Về đến nhà cậu tìm mãi mà không thấy mẹ, cậu ôm lấy gốc cây lạ trong vườn và khóc.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cxnSp>
        <p:nvCxnSpPr>
          <p:cNvPr id="8" name="Straight Connector 7"/>
          <p:cNvCxnSpPr/>
          <p:nvPr/>
        </p:nvCxnSpPr>
        <p:spPr>
          <a:xfrm>
            <a:off x="5367905" y="0"/>
            <a:ext cx="0" cy="6282983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Connector 9"/>
          <p:cNvCxnSpPr/>
          <p:nvPr/>
        </p:nvCxnSpPr>
        <p:spPr>
          <a:xfrm>
            <a:off x="0" y="2998727"/>
            <a:ext cx="10974388" cy="0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1" name="Voice 002.m4a">
            <a:hlinkClick r:id="" action="ppaction://media"/>
          </p:cNvPr>
          <p:cNvPicPr>
            <a:picLocks noRot="1" noChangeAspect="1"/>
          </p:cNvPicPr>
          <p:nvPr>
            <a:audioFile r:link="rId1"/>
          </p:nvPr>
        </p:nvPicPr>
        <p:blipFill>
          <a:blip r:embed="rId7"/>
          <a:stretch>
            <a:fillRect/>
          </a:stretch>
        </p:blipFill>
        <p:spPr>
          <a:xfrm>
            <a:off x="10440194" y="6401594"/>
            <a:ext cx="304800" cy="3048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114796095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xmlns="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100000">
                <p:cTn id="7" fill="hold" display="0">
                  <p:stCondLst>
                    <p:cond delay="indefinite"/>
                  </p:stCondLst>
                  <p:endCondLst>
                    <p:cond evt="onNext" delay="0">
                      <p:tgtEl>
                        <p:sldTgt/>
                      </p:tgtEl>
                    </p:cond>
                    <p:cond evt="onPrev" delay="0">
                      <p:tgtEl>
                        <p:sldTgt/>
                      </p:tgtEl>
                    </p:cond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DF72A9FE-39E6-4903-A019-39F382199F6A}"/>
  <p:tag name="ISPRING_RESOURCE_FOLDER" val="D:\giao an vu sua thanh mach yen eleaning\giao an vu sua thanh mach yen elearning\"/>
  <p:tag name="ISPRING_PRESENTATION_PATH" val="D:\giao an vu sua thanh mach yen eleaning\giao an vu sua thanh mach yen elearning.pptx"/>
  <p:tag name="ISPRING_PROJECT_FOLDER_UPDATED" val="1"/>
  <p:tag name="ISPRING_SCREEN_RECS_UPDATED" val="D:\giao an vu sua thanh mach yen eleaning\giao an vu sua thanh mach yen elearning\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/QuizProperties&gt;&#10;"/>
  <p:tag name="ISPRING_QUIZ_SHAPES_ADDED" val="1"/>
  <p:tag name="ISPRING_RESOURCE_QUIZ" val="quiz5.quiz"/>
  <p:tag name="ISPRING_QUIZ_FULL_PATH" val="D:\giao an vu sua thanh mach yen eleaning\giao an vu sua thanh mach yen elearning\quiz\quiz5.quiz"/>
  <p:tag name="ISPRING_QUIZ_RELATIVE_PATH" val="giao an vu sua thanh mach yen elearning\quiz\quiz5.quiz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/QuizProperties&gt;&#10;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/QuizProperties&gt;&#10;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Want to learn more?"/>
  <p:tag name="GENSWF_ADVANCE_TIME" val="0.00"/>
  <p:tag name="ISPRING_SLIDE_INDENT_LEVEL" val="0"/>
  <p:tag name="ISPRING_CUSTOM_TIMING_USED" val="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/Quiz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INFO" val="&lt;ThreeDShapeInfo&gt;&lt;uuid val=&quot;{EE502781-266D-4317-AD73-5AA0545AF750}&quot;/&gt;&lt;isInvalidForFieldText val=&quot;0&quot;/&gt;&lt;Image&gt;&lt;filename val=&quot;\\glitcher\wwwroot\lexanson\adobe_vs_ispring\pres10_html5\data\asimages\{EE502781-266D-4317-AD73-5AA0545AF750}_11.png&quot;/&gt;&lt;left val=&quot;405&quot;/&gt;&lt;top val=&quot;153&quot;/&gt;&lt;width val=&quot;185&quot;/&gt;&lt;height val=&quot;159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24E192C3-A36F-476E-9A46-02FDF55B7A39}_11.png&quot;/&gt;&lt;left val=&quot;135&quot;/&gt;&lt;top val=&quot;213&quot;/&gt;&lt;width val=&quot;141&quot;/&gt;&lt;height val=&quot;133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24E192C3-A36F-476E-9A46-02FDF55B7A39}_11.png&quot;/&gt;&lt;left val=&quot;135&quot;/&gt;&lt;top val=&quot;213&quot;/&gt;&lt;width val=&quot;141&quot;/&gt;&lt;height val=&quot;133&quot;/&gt;&lt;hasText val=&quot;1&quot;/&gt;&lt;/Image&gt;&lt;/ThreeDShapeInfo&gt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INFO" val="&lt;ThreeDShapeInfo&gt;&lt;uuid val=&quot;{EE502781-266D-4317-AD73-5AA0545AF750}&quot;/&gt;&lt;isInvalidForFieldText val=&quot;0&quot;/&gt;&lt;Image&gt;&lt;filename val=&quot;\\glitcher\wwwroot\lexanson\adobe_vs_ispring\pres10_html5\data\asimages\{EE502781-266D-4317-AD73-5AA0545AF750}_11.png&quot;/&gt;&lt;left val=&quot;405&quot;/&gt;&lt;top val=&quot;153&quot;/&gt;&lt;width val=&quot;185&quot;/&gt;&lt;height val=&quot;159&quot;/&gt;&lt;hasText val=&quot;1&quot;/&gt;&lt;/Image&gt;&lt;/ThreeDShapeInfo&gt;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iSpring Getting Started">
      <a:majorFont>
        <a:latin typeface="Segoe UI"/>
        <a:ea typeface=""/>
        <a:cs typeface=""/>
      </a:majorFont>
      <a:minorFont>
        <a:latin typeface="Segoe UI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4443</TotalTime>
  <Words>1132</Words>
  <Application>Microsoft Office PowerPoint</Application>
  <PresentationFormat>Custom</PresentationFormat>
  <Paragraphs>175</Paragraphs>
  <Slides>38</Slides>
  <Notes>17</Notes>
  <HiddenSlides>0</HiddenSlides>
  <MMClips>11</MMClips>
  <ScaleCrop>false</ScaleCrop>
  <HeadingPairs>
    <vt:vector size="6" baseType="variant">
      <vt:variant>
        <vt:lpstr>Fonts Used</vt:lpstr>
      </vt:variant>
      <vt:variant>
        <vt:i4>10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8</vt:i4>
      </vt:variant>
    </vt:vector>
  </HeadingPairs>
  <TitlesOfParts>
    <vt:vector size="49" baseType="lpstr">
      <vt:lpstr>Arial</vt:lpstr>
      <vt:lpstr>Segoe UI</vt:lpstr>
      <vt:lpstr>.VnHelvetInsH</vt:lpstr>
      <vt:lpstr>Times New Roman</vt:lpstr>
      <vt:lpstr>Segoe UI Semibold</vt:lpstr>
      <vt:lpstr>Wingdings</vt:lpstr>
      <vt:lpstr>Tahoma</vt:lpstr>
      <vt:lpstr>Georgia</vt:lpstr>
      <vt:lpstr>Arial Black</vt:lpstr>
      <vt:lpstr>Calibri</vt:lpstr>
      <vt:lpstr>Office Theme</vt:lpstr>
      <vt:lpstr>Slide 1</vt:lpstr>
      <vt:lpstr>Slide 2</vt:lpstr>
      <vt:lpstr>Slide 3</vt:lpstr>
      <vt:lpstr>Slide 4</vt:lpstr>
      <vt:lpstr>Slide 5</vt:lpstr>
      <vt:lpstr>Slide 6</vt:lpstr>
      <vt:lpstr>Slide 7</vt:lpstr>
      <vt:lpstr>Slide 8</vt:lpstr>
      <vt:lpstr>Slide 9</vt:lpstr>
      <vt:lpstr>Slide 10</vt:lpstr>
      <vt:lpstr>Slide 11</vt:lpstr>
      <vt:lpstr>Slide 12</vt:lpstr>
      <vt:lpstr>Slide 13</vt:lpstr>
      <vt:lpstr>Slide 14</vt:lpstr>
      <vt:lpstr>Slide 15</vt:lpstr>
      <vt:lpstr>Slide 16</vt:lpstr>
      <vt:lpstr>Slide 17</vt:lpstr>
      <vt:lpstr>Slide 18</vt:lpstr>
      <vt:lpstr>Slide 19</vt:lpstr>
      <vt:lpstr>Slide 20</vt:lpstr>
      <vt:lpstr>Slide 21</vt:lpstr>
      <vt:lpstr>Slide 22</vt:lpstr>
      <vt:lpstr>Slide 23</vt:lpstr>
      <vt:lpstr>Slide 24</vt:lpstr>
      <vt:lpstr>Getting Started</vt:lpstr>
      <vt:lpstr>Create Your Course in PowerPoint</vt:lpstr>
      <vt:lpstr>Set Up Course Structure</vt:lpstr>
      <vt:lpstr>Add Audio and Video Narrations</vt:lpstr>
      <vt:lpstr>Create Customizable Quizzes and Surveys</vt:lpstr>
      <vt:lpstr>Make a Screen Recording</vt:lpstr>
      <vt:lpstr>Create Conversation Simulations</vt:lpstr>
      <vt:lpstr>Use Spectacular Interactions</vt:lpstr>
      <vt:lpstr>Saturate Your Course with Rich Media</vt:lpstr>
      <vt:lpstr>Publish Your Content Fast and Easy</vt:lpstr>
      <vt:lpstr>Use the Video Lecture Player for Fluid Layout</vt:lpstr>
      <vt:lpstr>Customize the Universal Player</vt:lpstr>
      <vt:lpstr>Use the Multi-Device Preview Option</vt:lpstr>
      <vt:lpstr>Slide 38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etting Started with iSpring Suite 8</dc:title>
  <dc:creator>iSpring Solutions Inc.</dc:creator>
  <cp:lastModifiedBy>Admin</cp:lastModifiedBy>
  <cp:revision>396</cp:revision>
  <dcterms:created xsi:type="dcterms:W3CDTF">2014-12-09T16:37:31Z</dcterms:created>
  <dcterms:modified xsi:type="dcterms:W3CDTF">2020-11-25T02:06:26Z</dcterms:modified>
</cp:coreProperties>
</file>